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301915013\Downloads\"/>
    </mc:Choice>
  </mc:AlternateContent>
  <bookViews>
    <workbookView xWindow="0" yWindow="0" windowWidth="23040" windowHeight="7020" firstSheet="28" activeTab="29"/>
  </bookViews>
  <sheets>
    <sheet name="סכום נכסי הקרן" sheetId="1" r:id="rId1"/>
    <sheet name="מזומנים" sheetId="2" r:id="rId2"/>
    <sheet name="תעודות התחייבות ממשלתיות" sheetId="3" r:id="rId3"/>
    <sheet name="תעודות חוב מסחריות" sheetId="4" r:id="rId4"/>
    <sheet name="אג&quot;ח קונצרני" sheetId="5" r:id="rId5"/>
    <sheet name="מניות" sheetId="6" r:id="rId6"/>
    <sheet name="קרנות סל" sheetId="7" r:id="rId7"/>
    <sheet name="קרנות נאמנות" sheetId="8" r:id="rId8"/>
    <sheet name="כתבי אופציה" sheetId="9" r:id="rId9"/>
    <sheet name="אופציות" sheetId="10" r:id="rId10"/>
    <sheet name="חוזים עתידיים" sheetId="11" r:id="rId11"/>
    <sheet name="מוצרים מובנים" sheetId="12" r:id="rId12"/>
    <sheet name="לא סחיר- תעודות התחייבות ממשלתי" sheetId="13" r:id="rId13"/>
    <sheet name="לא סחיר - תעודות חוב מסחריות" sheetId="14" r:id="rId14"/>
    <sheet name="לא סחיר - אג&quot;ח קונצרני" sheetId="15" r:id="rId15"/>
    <sheet name="לא סחיר - מניות" sheetId="16" r:id="rId16"/>
    <sheet name="לא סחיר - קרנות השקעה" sheetId="17" r:id="rId17"/>
    <sheet name="לא סחיר - כתבי אופציה" sheetId="18" r:id="rId18"/>
    <sheet name="לא סחיר - אופציות" sheetId="19" r:id="rId19"/>
    <sheet name="לא סחיר - חוזים עתידיים" sheetId="20" r:id="rId20"/>
    <sheet name="לא סחיר - מוצרים מובנים" sheetId="21" r:id="rId21"/>
    <sheet name="הלוואות" sheetId="22" r:id="rId22"/>
    <sheet name="פקדונות מעל 3 חודשים" sheetId="23" r:id="rId23"/>
    <sheet name="זכויות מקרקעין" sheetId="24" r:id="rId24"/>
    <sheet name="השקעה בחברות מוחזקות" sheetId="25" r:id="rId25"/>
    <sheet name="השקעות אחרות" sheetId="26" r:id="rId26"/>
    <sheet name="יתרת התחייבות להשקעה" sheetId="27" r:id="rId27"/>
    <sheet name="עלות מתואמת אג&quot;ח קונצרני סחיר" sheetId="28" r:id="rId28"/>
    <sheet name="עלות מתואמת אג&quot;ח קונצרני ל.סחיר" sheetId="29" r:id="rId29"/>
    <sheet name="עלות מתואמת מסגרות אשראי ללווים" sheetId="30" r:id="rId30"/>
  </sheets>
  <definedNames>
    <definedName name="_xlnm._FilterDatabase" localSheetId="4" hidden="1">'אג"ח קונצרני'!$A$13:$J$65</definedName>
  </definedNames>
  <calcPr calcId="162913"/>
</workbook>
</file>

<file path=xl/sharedStrings.xml><?xml version="1.0" encoding="utf-8"?>
<sst xmlns="http://schemas.openxmlformats.org/spreadsheetml/2006/main" count="5388" uniqueCount="386">
  <si>
    <t>תאריך הדיווח</t>
  </si>
  <si>
    <t>30/12/2021</t>
  </si>
  <si>
    <t>החברה המדווחת</t>
  </si>
  <si>
    <t>גמל על, קופת תגמולים לעובדי אל על</t>
  </si>
  <si>
    <t>שם מסלול/קרן/קופה</t>
  </si>
  <si>
    <t>אל על מסלול אג"ח</t>
  </si>
  <si>
    <t>מספר מסלול/קרן/קופה</t>
  </si>
  <si>
    <t/>
  </si>
  <si>
    <t>סכום נכסי ההשקעה:</t>
  </si>
  <si>
    <t>שווי הוגן</t>
  </si>
  <si>
    <t>שעור מנכסי השקעה*</t>
  </si>
  <si>
    <t>אלפי ש"ח</t>
  </si>
  <si>
    <t>אחוזים</t>
  </si>
  <si>
    <t>(1)</t>
  </si>
  <si>
    <t>(2)</t>
  </si>
  <si>
    <t>1. נכסים המוצגים לפי שווי הוגן</t>
  </si>
  <si>
    <t>&lt;&lt;&lt;</t>
  </si>
  <si>
    <t>א. מזומנים</t>
  </si>
  <si>
    <t>ב. ניירות ערך סחירים:</t>
  </si>
  <si>
    <t>(1) תעודות התחייבות ממשלתיות</t>
  </si>
  <si>
    <t>(2) תעודות חוב מסחריות</t>
  </si>
  <si>
    <t>(3) אג''ח קונצרני</t>
  </si>
  <si>
    <t>(4) מניות</t>
  </si>
  <si>
    <t>(5) קרנות סל</t>
  </si>
  <si>
    <t>(6) תעודות השתתפות בקרנות נאמנות</t>
  </si>
  <si>
    <t>(7) כתבי אופציה</t>
  </si>
  <si>
    <t>(8) אופציות</t>
  </si>
  <si>
    <t>(9) חוזים עתידיים</t>
  </si>
  <si>
    <t>(10) מוצרים מובנים</t>
  </si>
  <si>
    <t>ג. ניירות ערך לא סחירים:</t>
  </si>
  <si>
    <t>(5) קרנות השקעה</t>
  </si>
  <si>
    <t>(6) כתבי אופציה</t>
  </si>
  <si>
    <t>(7) אופציות</t>
  </si>
  <si>
    <t>(8) חוזים עתידיים</t>
  </si>
  <si>
    <t>(9) מוצרים מובנים</t>
  </si>
  <si>
    <t>ד. הלוואות</t>
  </si>
  <si>
    <t>ה. פקדונות מעל 3 חודשים</t>
  </si>
  <si>
    <t>ו. זכויות מקרקעין</t>
  </si>
  <si>
    <t>ז. השקעה בחברות מוחזקות</t>
  </si>
  <si>
    <t>ח. השקעות אחרות</t>
  </si>
  <si>
    <t>2. נכסים המוצגים לפי עלות מתואמת</t>
  </si>
  <si>
    <t xml:space="preserve">א. אג"ח קונצרני סחיר </t>
  </si>
  <si>
    <t>ב. אג"ח קונצרני לא סחיר</t>
  </si>
  <si>
    <t>ג. מסגרות אשראי מנוצלות ללווים</t>
  </si>
  <si>
    <t>סה''כ סכום נכסי המסלול או הקרן</t>
  </si>
  <si>
    <t>ט. יתרות התחייבות להשקעה:</t>
  </si>
  <si>
    <t>* בהתאם לשיטה שיושמה בדוח הכספי</t>
  </si>
  <si>
    <t>שם מטבע</t>
  </si>
  <si>
    <t>שע"ח</t>
  </si>
  <si>
    <t>דולר אמריקאי</t>
  </si>
  <si>
    <t xml:space="preserve">3.11 </t>
  </si>
  <si>
    <t>אירו</t>
  </si>
  <si>
    <t xml:space="preserve">3.522 </t>
  </si>
  <si>
    <t>סוף מידע</t>
  </si>
  <si>
    <t>1.א. מזומנים ושווי מזומנים</t>
  </si>
  <si>
    <t>שם המנפיק/שם נייר ערך</t>
  </si>
  <si>
    <t>מספר ני"ע</t>
  </si>
  <si>
    <t>מספר מנפיק</t>
  </si>
  <si>
    <t>דירוג</t>
  </si>
  <si>
    <t>שם מדרג</t>
  </si>
  <si>
    <t>סוג מטבע</t>
  </si>
  <si>
    <t>שיעור ריבית</t>
  </si>
  <si>
    <t>תשואה לפידיון</t>
  </si>
  <si>
    <t>שווי שוק</t>
  </si>
  <si>
    <t>שעור מנכסי אפיק ההשקעה</t>
  </si>
  <si>
    <t>שעור מסך נכסי השקעה</t>
  </si>
  <si>
    <t>(3)</t>
  </si>
  <si>
    <t>(4)</t>
  </si>
  <si>
    <t>(5)</t>
  </si>
  <si>
    <t>(6)</t>
  </si>
  <si>
    <t>(7)</t>
  </si>
  <si>
    <t>(8)</t>
  </si>
  <si>
    <t>(9)</t>
  </si>
  <si>
    <t>(10)</t>
  </si>
  <si>
    <t>סה"כ מזומנים ושווי מזומנים</t>
  </si>
  <si>
    <t>:סה"כ בישראל</t>
  </si>
  <si>
    <t>יתרות מזומנים ועו"ש בש"ח</t>
  </si>
  <si>
    <t>פועלים סהר - שקל חדש</t>
  </si>
  <si>
    <t>ilAA+</t>
  </si>
  <si>
    <t>מעלות S&amp;P</t>
  </si>
  <si>
    <t>שקל חדש</t>
  </si>
  <si>
    <t>יתרות מזומנים ועו"ש נקובים במט"ח</t>
  </si>
  <si>
    <t>פועלים סהר - אירו</t>
  </si>
  <si>
    <t>פועלים סהר - דולר אמריקאי</t>
  </si>
  <si>
    <t>פח"ק פר"י</t>
  </si>
  <si>
    <t>פק"מ לתקופה של עד שלושה חודשים</t>
  </si>
  <si>
    <t>פקדון צמוד מדד עד שלושה חודשים</t>
  </si>
  <si>
    <t>פקדון צמוד מט"ח עד שלושה חודשים (פצ"מ)</t>
  </si>
  <si>
    <t>פקדונות במט"ח עד שלושה חודשים</t>
  </si>
  <si>
    <t>:סה"כ בחו"ל</t>
  </si>
  <si>
    <t xml:space="preserve">יתרות מזומנים ועו"ש נקובים במט"ח </t>
  </si>
  <si>
    <t>* בעל ענין/צד קשור</t>
  </si>
  <si>
    <t>1.ב. ניירות ערך סחירים</t>
  </si>
  <si>
    <t>1. תעודות התחייבות ממשלתיות</t>
  </si>
  <si>
    <t>זירת מסחר</t>
  </si>
  <si>
    <t>תאריך רכישה</t>
  </si>
  <si>
    <t>מח"מ</t>
  </si>
  <si>
    <t>ערך נקוב</t>
  </si>
  <si>
    <t>שער</t>
  </si>
  <si>
    <t>פדיון/ריבית לקבל</t>
  </si>
  <si>
    <t>שעור מערך נקוב מונפק</t>
  </si>
  <si>
    <t>שעור מסך נכסי השקעה**</t>
  </si>
  <si>
    <t>שנים</t>
  </si>
  <si>
    <t>ש"ח</t>
  </si>
  <si>
    <t>אגורות</t>
  </si>
  <si>
    <t>(11)</t>
  </si>
  <si>
    <t>(12)</t>
  </si>
  <si>
    <t>(13)</t>
  </si>
  <si>
    <t>(14)</t>
  </si>
  <si>
    <t>(15)</t>
  </si>
  <si>
    <t>(16)</t>
  </si>
  <si>
    <t>סה"כ תעודות התחייבות ממשלתיות</t>
  </si>
  <si>
    <t>סה"כ צמודות מדד</t>
  </si>
  <si>
    <t>ממשל צמודה 0536</t>
  </si>
  <si>
    <t>TASE</t>
  </si>
  <si>
    <t>RF</t>
  </si>
  <si>
    <t>ללא דירוג</t>
  </si>
  <si>
    <t>גליל 5904</t>
  </si>
  <si>
    <t>ממשל צמודה 0922</t>
  </si>
  <si>
    <t>ממשל צמודה 0923</t>
  </si>
  <si>
    <t>ממשל צמודה 0529</t>
  </si>
  <si>
    <t>סה"כ לא צמודות</t>
  </si>
  <si>
    <t>ממשל שקלית 0327</t>
  </si>
  <si>
    <t>ממשל שקלית 0347</t>
  </si>
  <si>
    <t>ממשל שקלית 0928</t>
  </si>
  <si>
    <t>ממשל שקלית 1123</t>
  </si>
  <si>
    <t>ממשל שקלית 0324</t>
  </si>
  <si>
    <t>סה"כ צמודות לדולר</t>
  </si>
  <si>
    <t>סה"כ אג"ח של ממשלת ישראל שהונפקו בחו"ל</t>
  </si>
  <si>
    <t>סה"כ אג"ח  שהנפיקו ממשלות זרות בחו"ל</t>
  </si>
  <si>
    <t>** בהתאם לשיטה שיושמה בדוח הכספי</t>
  </si>
  <si>
    <t>2. תעודות חוב מסחריות</t>
  </si>
  <si>
    <t>ספק המידע</t>
  </si>
  <si>
    <t>ענף מסחר</t>
  </si>
  <si>
    <t>(17)</t>
  </si>
  <si>
    <t>(18)</t>
  </si>
  <si>
    <t>(19)</t>
  </si>
  <si>
    <t>סה"כ תעודות חוב מסחריות</t>
  </si>
  <si>
    <t>סה"כ צמודות</t>
  </si>
  <si>
    <t>סה"כ צמודות למט"ח</t>
  </si>
  <si>
    <t>סה"כ חברות זרות בחו"ל</t>
  </si>
  <si>
    <t>סה"כ חברות ישראליות בחו"ל</t>
  </si>
  <si>
    <t>סה"כ בחו"ל</t>
  </si>
  <si>
    <t>3. אג"ח קונצרני</t>
  </si>
  <si>
    <t>תאריך</t>
  </si>
  <si>
    <t>יחידות</t>
  </si>
  <si>
    <t>סה"כ אגרות חוב קונצרניות</t>
  </si>
  <si>
    <t>מז טפ הנ אגח 62</t>
  </si>
  <si>
    <t>אחר</t>
  </si>
  <si>
    <t>בנקים</t>
  </si>
  <si>
    <t>ilAAA</t>
  </si>
  <si>
    <t>פועלים הנ אגח36</t>
  </si>
  <si>
    <t>חשמל אגח 29</t>
  </si>
  <si>
    <t>אנרגיה</t>
  </si>
  <si>
    <t>נמלי ישראל אגחא</t>
  </si>
  <si>
    <t>נדל"ן מניב בישראל</t>
  </si>
  <si>
    <t>Aa1.il</t>
  </si>
  <si>
    <t>מידרוג</t>
  </si>
  <si>
    <t>ארפורט אגח ה</t>
  </si>
  <si>
    <t>ilAA</t>
  </si>
  <si>
    <t>אמות אגח ד</t>
  </si>
  <si>
    <t>גב ים אגח ט</t>
  </si>
  <si>
    <t>מבני תעש אגח כג</t>
  </si>
  <si>
    <t>מליסרון אגח כ</t>
  </si>
  <si>
    <t>בזק אגח 10</t>
  </si>
  <si>
    <t>תקשורת ומדיה</t>
  </si>
  <si>
    <t>ilAA-</t>
  </si>
  <si>
    <t>גזית גלוב אגח יב</t>
  </si>
  <si>
    <t>נדל"ן מניב בחו"ל</t>
  </si>
  <si>
    <t>ישרס אגח יג</t>
  </si>
  <si>
    <t>מליסרון אגח יא</t>
  </si>
  <si>
    <t>מליסרון אגח יז</t>
  </si>
  <si>
    <t>גירון אגח ו</t>
  </si>
  <si>
    <t>A1.il</t>
  </si>
  <si>
    <t>מיטב דש אגח ג</t>
  </si>
  <si>
    <t>פז נפט אגח ו</t>
  </si>
  <si>
    <t>ilA+</t>
  </si>
  <si>
    <t>רבוע נדלן אגח ה</t>
  </si>
  <si>
    <t>שכון ובי אגח 6</t>
  </si>
  <si>
    <t>ilA</t>
  </si>
  <si>
    <t>הכשרת ישוב אג22</t>
  </si>
  <si>
    <t>ilA-</t>
  </si>
  <si>
    <t>מזרחי טפחות הנפקות 40</t>
  </si>
  <si>
    <t>עמידר אגח א</t>
  </si>
  <si>
    <t>חברת חשמל אגח 26</t>
  </si>
  <si>
    <t>אלביט מע' אגח ב</t>
  </si>
  <si>
    <t>ישראכרט אגח א</t>
  </si>
  <si>
    <t>שרותים פיננסיים</t>
  </si>
  <si>
    <t>Aa2.il</t>
  </si>
  <si>
    <t>כיל אגח ה</t>
  </si>
  <si>
    <t>אלוני חץ אגח ט</t>
  </si>
  <si>
    <t>טאואר אגח ז</t>
  </si>
  <si>
    <t>ישרס אגח יד</t>
  </si>
  <si>
    <t>'מגדל הון אגח ג</t>
  </si>
  <si>
    <t>ביטוח</t>
  </si>
  <si>
    <t>Aa3.il</t>
  </si>
  <si>
    <t>פורמולה אגח ג</t>
  </si>
  <si>
    <t>שרותי מידע</t>
  </si>
  <si>
    <t>אלקטרה אגח ד</t>
  </si>
  <si>
    <t>השקעה ואחזקות</t>
  </si>
  <si>
    <t>פרטנר אגח ו</t>
  </si>
  <si>
    <t>פרטנר אגח ז</t>
  </si>
  <si>
    <t>אנלייט אנר אגחו</t>
  </si>
  <si>
    <t>אנרגיה מתחדשת</t>
  </si>
  <si>
    <t>A2.il</t>
  </si>
  <si>
    <t>אנלייט אנ אגח ד</t>
  </si>
  <si>
    <t>אנרג'יקס אגח א</t>
  </si>
  <si>
    <t>אשטרום קבוצה אגח ג</t>
  </si>
  <si>
    <t>בנייה</t>
  </si>
  <si>
    <t>סלקום אגח ט</t>
  </si>
  <si>
    <t>שכון ובי אגח 7</t>
  </si>
  <si>
    <t>בזן אגח י</t>
  </si>
  <si>
    <t>סה"כ צמודות למדד אחר</t>
  </si>
  <si>
    <t>UBS 5 1/8 05/15/24</t>
  </si>
  <si>
    <t>CH0244100266</t>
  </si>
  <si>
    <t>SIX</t>
  </si>
  <si>
    <t>בלומברג</t>
  </si>
  <si>
    <t>Diversified Financials</t>
  </si>
  <si>
    <t>BBB+</t>
  </si>
  <si>
    <t>פנימי</t>
  </si>
  <si>
    <t>MTNA 4.55 03/11/26</t>
  </si>
  <si>
    <t>US03938LBA17</t>
  </si>
  <si>
    <t>Materials</t>
  </si>
  <si>
    <t>Baa3</t>
  </si>
  <si>
    <t>MOODYS</t>
  </si>
  <si>
    <t>4. מניות</t>
  </si>
  <si>
    <t>דיבידנד לקבל</t>
  </si>
  <si>
    <t>סה"כ מניות</t>
  </si>
  <si>
    <t xml:space="preserve">סה"כ תל אביב 35 </t>
  </si>
  <si>
    <t>מבני תעשיה בע"מ מ"ר 1 ש"ח</t>
  </si>
  <si>
    <t>סה"כ תל אביב 90</t>
  </si>
  <si>
    <t>ישראכרט</t>
  </si>
  <si>
    <t>סה"כ מניות היתר</t>
  </si>
  <si>
    <t>סה"כ אופציות Call 001</t>
  </si>
  <si>
    <t>LONG</t>
  </si>
  <si>
    <t>SHORT</t>
  </si>
  <si>
    <t>5. קרנות סל</t>
  </si>
  <si>
    <t>סה"כ קרנות סל</t>
  </si>
  <si>
    <t>סה"כ שעוקבות אחר מדדי מניות בישראל</t>
  </si>
  <si>
    <t>סה"כ שעוקבות אחר מדדי מניות בחו"ל</t>
  </si>
  <si>
    <t>סה"כ שעוקבות אחר מדדים אחרים בישראל</t>
  </si>
  <si>
    <t>הרל.תל בונד שקלי</t>
  </si>
  <si>
    <t>אג"ח</t>
  </si>
  <si>
    <t>) תל בונד צמודות-בנקים00) יETF פסגות</t>
  </si>
  <si>
    <t>) תל בונד 6000) יETF קסם</t>
  </si>
  <si>
    <t>) תל בונד צמודות-בנקים00) יETF קסם</t>
  </si>
  <si>
    <t>סה"כ שעוקבות אחר מדדים אחרים בחו"ל</t>
  </si>
  <si>
    <t>סה"כ אחר</t>
  </si>
  <si>
    <t>סה"כ Short</t>
  </si>
  <si>
    <t xml:space="preserve">סה"כ שעוקבות אחר מדדי מניות </t>
  </si>
  <si>
    <t>סה"כ שעוקבות אחר מדדים אחרים</t>
  </si>
  <si>
    <t xml:space="preserve">סה"כ אחר </t>
  </si>
  <si>
    <t>6. קרנות נאמנות</t>
  </si>
  <si>
    <t>סה"כ תעודות השתתפות בקרנות נאמנות</t>
  </si>
  <si>
    <t>סה"כ אג"ח קונצרני</t>
  </si>
  <si>
    <t>סה"כ אג"ח ממשלתי</t>
  </si>
  <si>
    <t>CIFC SENIOR SEC CORP CLASS A</t>
  </si>
  <si>
    <t>KYG213931143</t>
  </si>
  <si>
    <t>Fixed Income</t>
  </si>
  <si>
    <t>7. כתבי אופציה</t>
  </si>
  <si>
    <t>סה"כ כתבי אופציה</t>
  </si>
  <si>
    <t>סה"כ בישראל</t>
  </si>
  <si>
    <t>כתבי אופציה בישראל</t>
  </si>
  <si>
    <t>כתבי אופציה בחו"ל</t>
  </si>
  <si>
    <t>8. אופציות</t>
  </si>
  <si>
    <t>סה"כ אופציות</t>
  </si>
  <si>
    <t>סה"כ מדדים כולל מניות</t>
  </si>
  <si>
    <t>סה"כ מט"ח</t>
  </si>
  <si>
    <t>סה"כ ריבית</t>
  </si>
  <si>
    <t>סה"כ מטבע</t>
  </si>
  <si>
    <t>סה"כ סחורות</t>
  </si>
  <si>
    <t>9. חוזים עתידיים</t>
  </si>
  <si>
    <t>סה"כ חוזים עתידיים</t>
  </si>
  <si>
    <t>10. מוצרים מובנים</t>
  </si>
  <si>
    <t>נכס הבסיס</t>
  </si>
  <si>
    <t xml:space="preserve">סה"כ מוצרים מובנים </t>
  </si>
  <si>
    <t>סה"כ קרן מובטחת</t>
  </si>
  <si>
    <t>סה"כ קרן לא מובטחת</t>
  </si>
  <si>
    <t>סה"כ מוצרים מאוגחים</t>
  </si>
  <si>
    <t xml:space="preserve">סה"כ מוצרים מאוגחים </t>
  </si>
  <si>
    <t>1.ג. ניירות ערך לא סחירים</t>
  </si>
  <si>
    <t>סה"כ אג"ח לא סחיר שהנפיקו ממשלות זרות בחו"ל</t>
  </si>
  <si>
    <t>סה"כ צמוד מדד</t>
  </si>
  <si>
    <t>סה"כ לא צמוד</t>
  </si>
  <si>
    <t>סה"כ תעודות חוב מסחריות של חברות ישראליות</t>
  </si>
  <si>
    <t>סה"כ תעודות חוב מסחריות של חברות זרות</t>
  </si>
  <si>
    <t>רפאל אגח ד-רמ</t>
  </si>
  <si>
    <t>חשמל</t>
  </si>
  <si>
    <t>Aaa.il</t>
  </si>
  <si>
    <t>03/10/2018</t>
  </si>
  <si>
    <t>סה"כ אג"ח קונצרני של חברות ישראליות</t>
  </si>
  <si>
    <t>סה"כ אג"ח קונצרני של חברות זרות</t>
  </si>
  <si>
    <t>5. קרנות השקעה</t>
  </si>
  <si>
    <t>סה"כ קרנות השקעה</t>
  </si>
  <si>
    <t>:סה"כ קרנות השקעה בישראל</t>
  </si>
  <si>
    <t>סה"כ קרנות הון סיכון</t>
  </si>
  <si>
    <t>סה"כ קרנות גידור</t>
  </si>
  <si>
    <t>CPA YODELEVICH TRUST</t>
  </si>
  <si>
    <t>30/12/2018</t>
  </si>
  <si>
    <t>הלמן אלדובי השתתפות רגילה</t>
  </si>
  <si>
    <t>31/03/2019</t>
  </si>
  <si>
    <t>סה"כ קרנות נדל"ן</t>
  </si>
  <si>
    <t>קרן התחדשות עירונית הלמן אלדובי</t>
  </si>
  <si>
    <t>22/12/2019</t>
  </si>
  <si>
    <t>סה"כ קרנות השקעה אחרות</t>
  </si>
  <si>
    <t>:סה"כ קרנות השקעה בחו"ל</t>
  </si>
  <si>
    <t>COLCHIS INCOME FUND</t>
  </si>
  <si>
    <t>05/03/2019</t>
  </si>
  <si>
    <t>19/11/2018</t>
  </si>
  <si>
    <t>25/01/2019</t>
  </si>
  <si>
    <t>6. כתבי אופציה</t>
  </si>
  <si>
    <t>:סה"כ כתבי אופציה בישראל</t>
  </si>
  <si>
    <t>:סה"כ כתבי אופציה בחו"ל</t>
  </si>
  <si>
    <t>7. אופציות</t>
  </si>
  <si>
    <t>:סה"כ אופציות בישראל</t>
  </si>
  <si>
    <t>ש"ח / מט"ח</t>
  </si>
  <si>
    <t>סה"כ מט"ח/ מט"ח</t>
  </si>
  <si>
    <t>:סה"כ אופציות בחו"ל</t>
  </si>
  <si>
    <t>8. חוזים עתידיים</t>
  </si>
  <si>
    <t>:סה"כ חוזים עתידיים בישראל</t>
  </si>
  <si>
    <t>:סה"כ חוזים עתידיים בחו"ל</t>
  </si>
  <si>
    <t>9. מוצרים מובנים</t>
  </si>
  <si>
    <t>סה"כ מוצרים מובנים</t>
  </si>
  <si>
    <t>1.ד. הלוואות</t>
  </si>
  <si>
    <t>קונסורציום כן/לא</t>
  </si>
  <si>
    <t>שיעור ריבית ממוצע</t>
  </si>
  <si>
    <t>סה"כ הלוואות</t>
  </si>
  <si>
    <t>סה"כ הלוואות בישראל</t>
  </si>
  <si>
    <t>סה"כ כנגד חסכון עמיתים/מבוטחים</t>
  </si>
  <si>
    <t>סה"כ מובטחות במשכנתא או תיקי משכנתאות</t>
  </si>
  <si>
    <t>סה"כ מובטחות בערבות בנקאית</t>
  </si>
  <si>
    <t>סה"כ מובטחות בבטחונות אחרים</t>
  </si>
  <si>
    <t>סה"כ מובטחות בשעבוד כלי רכב</t>
  </si>
  <si>
    <t>סה"כ הלוואות לסוכנים</t>
  </si>
  <si>
    <t>מובטחות בתזרים עמלות</t>
  </si>
  <si>
    <t xml:space="preserve">בטחונות אחרים </t>
  </si>
  <si>
    <t>סה"כ הלוואות לעובדים ונושאי משרה</t>
  </si>
  <si>
    <t>סה"כ לא מובטחות</t>
  </si>
  <si>
    <t>סה"כ הלוואות בחו"ל</t>
  </si>
  <si>
    <t>1.ה. פקדונות מעל 3 חודשים:</t>
  </si>
  <si>
    <t>תנאי ושיעור ריבית</t>
  </si>
  <si>
    <t xml:space="preserve">סה"כ פקדונות מעל 3 חודשים </t>
  </si>
  <si>
    <t>סה"כ צמוד למדד</t>
  </si>
  <si>
    <t>סה"כ נקוב במט"ח</t>
  </si>
  <si>
    <t>סה"כ צמוד למט"ח</t>
  </si>
  <si>
    <t>1.ו. זכויות במקרקעין</t>
  </si>
  <si>
    <t>תאריך שערוך אחרון</t>
  </si>
  <si>
    <t>אופי הנכס</t>
  </si>
  <si>
    <t>שעור תשואה במהלך התקופה</t>
  </si>
  <si>
    <t>שווי משוערך</t>
  </si>
  <si>
    <t>כתובת הנכס</t>
  </si>
  <si>
    <t>סה"כ מקרקעין</t>
  </si>
  <si>
    <t>:סה"כ מקרקעין בישראל</t>
  </si>
  <si>
    <t>סה"כ מניב</t>
  </si>
  <si>
    <t>סה"כ לא מניב</t>
  </si>
  <si>
    <t>:סה"כ מקרקעין בחו"ל</t>
  </si>
  <si>
    <t>1.ז. השקעה בחברות מוחזקות</t>
  </si>
  <si>
    <t>שם המדרג</t>
  </si>
  <si>
    <t>שיעור הריבית</t>
  </si>
  <si>
    <t>תשואה לפדיון</t>
  </si>
  <si>
    <t>סה"כ השקעה בחברות מוחזקות</t>
  </si>
  <si>
    <t>1.ח. השקעות אחרות</t>
  </si>
  <si>
    <t>סה"כ השקעות אחרות</t>
  </si>
  <si>
    <t>1.ט. יתרות התחייבות להשקעה</t>
  </si>
  <si>
    <t>סכום ההתחייבות</t>
  </si>
  <si>
    <t>תאריך סיום ההתחייבות</t>
  </si>
  <si>
    <t>סה'כ יתרות התחייבות להשקעה</t>
  </si>
  <si>
    <t xml:space="preserve"> * בעל ענין / צד קשור </t>
  </si>
  <si>
    <t>2.א. אג"ח קונצרי סחיר</t>
  </si>
  <si>
    <t>ריבית אפקטיבית</t>
  </si>
  <si>
    <t>עלות מתואמת</t>
  </si>
  <si>
    <t xml:space="preserve">אחוזים </t>
  </si>
  <si>
    <t>סה"כ אג"ח קונצרני סחיר</t>
  </si>
  <si>
    <t>סה"כ בחו"ל:</t>
  </si>
  <si>
    <t>2.ב. אג"ח קונצרני לא סחיר</t>
  </si>
  <si>
    <t>סה"כ אג"ח קונצרני לא סחיר</t>
  </si>
  <si>
    <t>בישראל</t>
  </si>
  <si>
    <t>2.ג. מסגרות אשראי מנוצלות ללווים</t>
  </si>
  <si>
    <t>סה"כ מסגרת אשראי מנוצלות ללווים</t>
  </si>
  <si>
    <t xml:space="preserve">סה"כ חברות זרות בחו"ל </t>
  </si>
  <si>
    <t>NR</t>
  </si>
  <si>
    <t>ביטחוניות</t>
  </si>
  <si>
    <t>כימיה, גומי ופלסטיק</t>
  </si>
  <si>
    <t>מוליכים למחצה</t>
  </si>
  <si>
    <t>IBI CONSUMER CR</t>
  </si>
  <si>
    <t>SBL קרן גידור איביאי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%"/>
  </numFmts>
  <fonts count="75" x14ac:knownFonts="1">
    <font>
      <sz val="11"/>
      <color indexed="8"/>
      <name val="Arial"/>
      <family val="2"/>
      <scheme val="minor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10"/>
      <name val="Tahoma"/>
      <family val="2"/>
    </font>
    <font>
      <b/>
      <sz val="8"/>
      <color indexed="10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</fonts>
  <fills count="5">
    <fill>
      <patternFill patternType="none"/>
    </fill>
    <fill>
      <patternFill patternType="gray125"/>
    </fill>
    <fill>
      <patternFill patternType="solid">
        <fgColor indexed="22"/>
      </patternFill>
    </fill>
    <fill>
      <patternFill patternType="none">
        <fgColor indexed="9"/>
      </patternFill>
    </fill>
    <fill>
      <patternFill patternType="solid">
        <fgColor indexed="9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77">
    <xf numFmtId="0" fontId="0" fillId="0" borderId="0" xfId="0"/>
    <xf numFmtId="0" fontId="1" fillId="2" borderId="0" xfId="0" applyFont="1" applyFill="1" applyAlignment="1">
      <alignment horizontal="right" wrapText="1"/>
    </xf>
    <xf numFmtId="0" fontId="2" fillId="2" borderId="0" xfId="0" applyFont="1" applyFill="1" applyAlignment="1">
      <alignment horizontal="center" wrapText="1"/>
    </xf>
    <xf numFmtId="0" fontId="3" fillId="2" borderId="0" xfId="0" applyFont="1" applyFill="1" applyAlignment="1">
      <alignment horizontal="right" wrapText="1" readingOrder="2"/>
    </xf>
    <xf numFmtId="0" fontId="4" fillId="4" borderId="1" xfId="0" applyFont="1" applyFill="1" applyBorder="1" applyAlignment="1">
      <alignment horizontal="right" wrapText="1"/>
    </xf>
    <xf numFmtId="0" fontId="5" fillId="0" borderId="0" xfId="0" applyFont="1" applyAlignment="1">
      <alignment horizontal="center"/>
    </xf>
    <xf numFmtId="4" fontId="6" fillId="4" borderId="1" xfId="0" applyNumberFormat="1" applyFont="1" applyFill="1" applyBorder="1" applyAlignment="1">
      <alignment horizontal="right"/>
    </xf>
    <xf numFmtId="164" fontId="7" fillId="4" borderId="1" xfId="0" applyNumberFormat="1" applyFont="1" applyFill="1" applyBorder="1" applyAlignment="1">
      <alignment horizontal="right"/>
    </xf>
    <xf numFmtId="0" fontId="8" fillId="0" borderId="0" xfId="0" applyFont="1" applyAlignment="1">
      <alignment horizontal="center"/>
    </xf>
    <xf numFmtId="0" fontId="9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3" fillId="0" borderId="0" xfId="0" applyFont="1" applyAlignment="1">
      <alignment horizontal="center"/>
    </xf>
    <xf numFmtId="0" fontId="14" fillId="0" borderId="0" xfId="0" applyFont="1" applyAlignment="1">
      <alignment horizontal="center"/>
    </xf>
    <xf numFmtId="0" fontId="15" fillId="0" borderId="0" xfId="0" applyFont="1" applyAlignment="1">
      <alignment horizontal="center"/>
    </xf>
    <xf numFmtId="0" fontId="16" fillId="0" borderId="0" xfId="0" applyFont="1" applyAlignment="1">
      <alignment horizontal="center"/>
    </xf>
    <xf numFmtId="0" fontId="17" fillId="0" borderId="0" xfId="0" applyFont="1" applyAlignment="1">
      <alignment horizontal="center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0" borderId="0" xfId="0" applyFont="1" applyAlignment="1">
      <alignment horizontal="center"/>
    </xf>
    <xf numFmtId="0" fontId="22" fillId="0" borderId="0" xfId="0" applyFont="1" applyAlignment="1">
      <alignment horizontal="center"/>
    </xf>
    <xf numFmtId="0" fontId="23" fillId="0" borderId="0" xfId="0" applyFont="1" applyAlignment="1">
      <alignment horizontal="center"/>
    </xf>
    <xf numFmtId="0" fontId="24" fillId="0" borderId="0" xfId="0" applyFont="1" applyAlignment="1">
      <alignment horizontal="center"/>
    </xf>
    <xf numFmtId="0" fontId="25" fillId="0" borderId="0" xfId="0" applyFont="1" applyAlignment="1">
      <alignment horizontal="center"/>
    </xf>
    <xf numFmtId="0" fontId="26" fillId="0" borderId="0" xfId="0" applyFont="1" applyAlignment="1">
      <alignment horizontal="center"/>
    </xf>
    <xf numFmtId="0" fontId="27" fillId="0" borderId="0" xfId="0" applyFont="1" applyAlignment="1">
      <alignment horizontal="center"/>
    </xf>
    <xf numFmtId="0" fontId="28" fillId="0" borderId="0" xfId="0" applyFont="1" applyAlignment="1">
      <alignment horizontal="center"/>
    </xf>
    <xf numFmtId="0" fontId="29" fillId="0" borderId="0" xfId="0" applyFont="1" applyAlignment="1">
      <alignment horizontal="center"/>
    </xf>
    <xf numFmtId="0" fontId="30" fillId="0" borderId="0" xfId="0" applyFont="1" applyAlignment="1">
      <alignment horizontal="center"/>
    </xf>
    <xf numFmtId="0" fontId="31" fillId="0" borderId="0" xfId="0" applyFont="1" applyAlignment="1">
      <alignment horizontal="center"/>
    </xf>
    <xf numFmtId="0" fontId="32" fillId="0" borderId="0" xfId="0" applyFont="1" applyAlignment="1">
      <alignment horizontal="center"/>
    </xf>
    <xf numFmtId="0" fontId="33" fillId="0" borderId="0" xfId="0" applyFont="1" applyAlignment="1">
      <alignment horizontal="center"/>
    </xf>
    <xf numFmtId="0" fontId="34" fillId="0" borderId="0" xfId="0" applyFont="1" applyAlignment="1">
      <alignment horizontal="center"/>
    </xf>
    <xf numFmtId="0" fontId="35" fillId="0" borderId="0" xfId="0" applyFont="1" applyAlignment="1">
      <alignment horizontal="center"/>
    </xf>
    <xf numFmtId="0" fontId="36" fillId="3" borderId="0" xfId="0" applyFont="1" applyFill="1" applyAlignment="1">
      <alignment horizontal="right" wrapText="1" readingOrder="2"/>
    </xf>
    <xf numFmtId="0" fontId="37" fillId="4" borderId="0" xfId="0" applyFont="1" applyFill="1" applyAlignment="1">
      <alignment horizontal="right"/>
    </xf>
    <xf numFmtId="164" fontId="39" fillId="2" borderId="0" xfId="0" applyNumberFormat="1" applyFont="1" applyFill="1" applyAlignment="1">
      <alignment horizontal="right"/>
    </xf>
    <xf numFmtId="4" fontId="40" fillId="2" borderId="0" xfId="0" applyNumberFormat="1" applyFont="1" applyFill="1" applyAlignment="1">
      <alignment horizontal="right"/>
    </xf>
    <xf numFmtId="0" fontId="41" fillId="4" borderId="1" xfId="0" applyFont="1" applyFill="1" applyBorder="1" applyAlignment="1">
      <alignment horizontal="right" wrapText="1"/>
    </xf>
    <xf numFmtId="1" fontId="42" fillId="4" borderId="1" xfId="0" applyNumberFormat="1" applyFont="1" applyFill="1" applyBorder="1" applyAlignment="1" applyProtection="1">
      <alignment horizontal="right"/>
      <protection locked="0"/>
    </xf>
    <xf numFmtId="164" fontId="43" fillId="4" borderId="1" xfId="0" applyNumberFormat="1" applyFont="1" applyFill="1" applyBorder="1" applyAlignment="1">
      <alignment horizontal="right"/>
    </xf>
    <xf numFmtId="4" fontId="44" fillId="4" borderId="1" xfId="0" applyNumberFormat="1" applyFont="1" applyFill="1" applyBorder="1" applyAlignment="1">
      <alignment horizontal="right"/>
    </xf>
    <xf numFmtId="164" fontId="49" fillId="2" borderId="0" xfId="0" applyNumberFormat="1" applyFont="1" applyFill="1" applyAlignment="1">
      <alignment horizontal="right"/>
    </xf>
    <xf numFmtId="0" fontId="0" fillId="0" borderId="0" xfId="0"/>
    <xf numFmtId="0" fontId="38" fillId="0" borderId="0" xfId="0" applyFont="1" applyAlignment="1">
      <alignment horizontal="center"/>
    </xf>
    <xf numFmtId="0" fontId="0" fillId="0" borderId="0" xfId="0"/>
    <xf numFmtId="0" fontId="45" fillId="0" borderId="0" xfId="0" applyFont="1" applyAlignment="1">
      <alignment horizontal="center"/>
    </xf>
    <xf numFmtId="0" fontId="46" fillId="0" borderId="0" xfId="0" applyFont="1" applyAlignment="1">
      <alignment horizontal="center"/>
    </xf>
    <xf numFmtId="0" fontId="47" fillId="0" borderId="0" xfId="0" applyFont="1" applyAlignment="1">
      <alignment horizontal="center"/>
    </xf>
    <xf numFmtId="0" fontId="48" fillId="0" borderId="0" xfId="0" applyFont="1" applyAlignment="1">
      <alignment horizontal="center"/>
    </xf>
    <xf numFmtId="0" fontId="50" fillId="0" borderId="0" xfId="0" applyFont="1" applyAlignment="1">
      <alignment horizontal="center"/>
    </xf>
    <xf numFmtId="0" fontId="51" fillId="0" borderId="0" xfId="0" applyFont="1" applyAlignment="1">
      <alignment horizontal="center"/>
    </xf>
    <xf numFmtId="0" fontId="52" fillId="0" borderId="0" xfId="0" applyFont="1" applyAlignment="1">
      <alignment horizontal="center"/>
    </xf>
    <xf numFmtId="0" fontId="53" fillId="0" borderId="0" xfId="0" applyFont="1" applyAlignment="1">
      <alignment horizontal="center"/>
    </xf>
    <xf numFmtId="0" fontId="54" fillId="0" borderId="0" xfId="0" applyFont="1" applyAlignment="1">
      <alignment horizontal="center"/>
    </xf>
    <xf numFmtId="0" fontId="55" fillId="0" borderId="0" xfId="0" applyFont="1" applyAlignment="1">
      <alignment horizontal="center"/>
    </xf>
    <xf numFmtId="0" fontId="56" fillId="0" borderId="0" xfId="0" applyFont="1" applyAlignment="1">
      <alignment horizontal="center"/>
    </xf>
    <xf numFmtId="0" fontId="57" fillId="0" borderId="0" xfId="0" applyFont="1" applyAlignment="1">
      <alignment horizontal="center"/>
    </xf>
    <xf numFmtId="0" fontId="58" fillId="0" borderId="0" xfId="0" applyFont="1" applyAlignment="1">
      <alignment horizontal="center"/>
    </xf>
    <xf numFmtId="0" fontId="59" fillId="0" borderId="0" xfId="0" applyFont="1" applyAlignment="1">
      <alignment horizontal="center"/>
    </xf>
    <xf numFmtId="0" fontId="60" fillId="0" borderId="0" xfId="0" applyFont="1" applyAlignment="1">
      <alignment horizontal="center"/>
    </xf>
    <xf numFmtId="0" fontId="61" fillId="0" borderId="0" xfId="0" applyFont="1" applyAlignment="1">
      <alignment horizontal="center"/>
    </xf>
    <xf numFmtId="0" fontId="62" fillId="0" borderId="0" xfId="0" applyFont="1" applyAlignment="1">
      <alignment horizontal="center"/>
    </xf>
    <xf numFmtId="0" fontId="63" fillId="0" borderId="0" xfId="0" applyFont="1" applyAlignment="1">
      <alignment horizontal="center"/>
    </xf>
    <xf numFmtId="0" fontId="64" fillId="0" borderId="0" xfId="0" applyFont="1" applyAlignment="1">
      <alignment horizontal="center"/>
    </xf>
    <xf numFmtId="0" fontId="65" fillId="0" borderId="0" xfId="0" applyFont="1" applyAlignment="1">
      <alignment horizontal="center"/>
    </xf>
    <xf numFmtId="0" fontId="66" fillId="0" borderId="0" xfId="0" applyFont="1" applyAlignment="1">
      <alignment horizontal="center"/>
    </xf>
    <xf numFmtId="0" fontId="67" fillId="0" borderId="0" xfId="0" applyFont="1" applyAlignment="1">
      <alignment horizontal="center"/>
    </xf>
    <xf numFmtId="0" fontId="68" fillId="0" borderId="0" xfId="0" applyFont="1" applyAlignment="1">
      <alignment horizontal="center"/>
    </xf>
    <xf numFmtId="0" fontId="69" fillId="0" borderId="0" xfId="0" applyFont="1" applyAlignment="1">
      <alignment horizontal="center"/>
    </xf>
    <xf numFmtId="0" fontId="70" fillId="0" borderId="0" xfId="0" applyFont="1" applyAlignment="1">
      <alignment horizontal="center"/>
    </xf>
    <xf numFmtId="0" fontId="71" fillId="0" borderId="0" xfId="0" applyFont="1" applyAlignment="1">
      <alignment horizontal="center"/>
    </xf>
    <xf numFmtId="0" fontId="72" fillId="0" borderId="0" xfId="0" applyFont="1" applyAlignment="1">
      <alignment horizontal="center"/>
    </xf>
    <xf numFmtId="0" fontId="73" fillId="0" borderId="0" xfId="0" applyFont="1" applyAlignment="1">
      <alignment horizontal="center"/>
    </xf>
    <xf numFmtId="0" fontId="74" fillId="0" borderId="0" xfId="0" applyFont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/Relationships>
</file>

<file path=xl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49"/>
  <sheetViews>
    <sheetView rightToLeft="1" topLeftCell="A34" workbookViewId="0">
      <selection activeCell="E38" sqref="E38"/>
    </sheetView>
  </sheetViews>
  <sheetFormatPr defaultRowHeight="14.25" x14ac:dyDescent="0.2"/>
  <cols>
    <col min="1" max="1" width="5" customWidth="1"/>
    <col min="2" max="2" width="34" customWidth="1"/>
    <col min="3" max="3" width="14" customWidth="1"/>
    <col min="4" max="4" width="19" customWidth="1"/>
  </cols>
  <sheetData>
    <row r="1" spans="1:4" x14ac:dyDescent="0.2">
      <c r="B1" s="37" t="s">
        <v>0</v>
      </c>
      <c r="C1" s="37" t="s">
        <v>1</v>
      </c>
    </row>
    <row r="2" spans="1:4" x14ac:dyDescent="0.2">
      <c r="B2" s="37" t="s">
        <v>2</v>
      </c>
      <c r="C2" s="37" t="s">
        <v>3</v>
      </c>
    </row>
    <row r="3" spans="1:4" x14ac:dyDescent="0.2">
      <c r="B3" s="37" t="s">
        <v>4</v>
      </c>
      <c r="C3" s="37" t="s">
        <v>5</v>
      </c>
    </row>
    <row r="4" spans="1:4" x14ac:dyDescent="0.2">
      <c r="B4" s="37" t="s">
        <v>6</v>
      </c>
      <c r="C4" s="37">
        <v>1476</v>
      </c>
    </row>
    <row r="5" spans="1:4" x14ac:dyDescent="0.2">
      <c r="B5" s="37" t="s">
        <v>7</v>
      </c>
      <c r="C5" s="37" t="s">
        <v>7</v>
      </c>
    </row>
    <row r="6" spans="1:4" x14ac:dyDescent="0.2">
      <c r="B6" s="1" t="s">
        <v>8</v>
      </c>
      <c r="C6" s="1" t="s">
        <v>7</v>
      </c>
      <c r="D6" s="1" t="s">
        <v>7</v>
      </c>
    </row>
    <row r="7" spans="1:4" x14ac:dyDescent="0.2">
      <c r="B7" s="1" t="s">
        <v>7</v>
      </c>
      <c r="C7" s="2" t="s">
        <v>9</v>
      </c>
      <c r="D7" s="2" t="s">
        <v>10</v>
      </c>
    </row>
    <row r="8" spans="1:4" x14ac:dyDescent="0.2">
      <c r="B8" s="1" t="s">
        <v>7</v>
      </c>
      <c r="C8" s="2" t="s">
        <v>11</v>
      </c>
      <c r="D8" s="2" t="s">
        <v>12</v>
      </c>
    </row>
    <row r="9" spans="1:4" x14ac:dyDescent="0.2">
      <c r="B9" s="1" t="s">
        <v>7</v>
      </c>
      <c r="C9" s="2" t="s">
        <v>13</v>
      </c>
      <c r="D9" s="2" t="s">
        <v>14</v>
      </c>
    </row>
    <row r="10" spans="1:4" x14ac:dyDescent="0.2">
      <c r="B10" s="3" t="s">
        <v>15</v>
      </c>
      <c r="C10" s="4" t="s">
        <v>7</v>
      </c>
      <c r="D10" s="4" t="s">
        <v>7</v>
      </c>
    </row>
    <row r="11" spans="1:4" x14ac:dyDescent="0.2">
      <c r="A11" s="5" t="s">
        <v>16</v>
      </c>
      <c r="B11" s="1" t="s">
        <v>17</v>
      </c>
      <c r="C11" s="6">
        <v>685.2</v>
      </c>
      <c r="D11" s="7">
        <v>1.9099999999999999E-2</v>
      </c>
    </row>
    <row r="12" spans="1:4" x14ac:dyDescent="0.2">
      <c r="B12" s="1" t="s">
        <v>18</v>
      </c>
      <c r="C12" s="4" t="s">
        <v>7</v>
      </c>
      <c r="D12" s="4" t="s">
        <v>7</v>
      </c>
    </row>
    <row r="13" spans="1:4" x14ac:dyDescent="0.2">
      <c r="A13" s="8" t="s">
        <v>16</v>
      </c>
      <c r="B13" s="1" t="s">
        <v>19</v>
      </c>
      <c r="C13" s="6">
        <v>17908.5</v>
      </c>
      <c r="D13" s="7">
        <v>0.50009999999999999</v>
      </c>
    </row>
    <row r="14" spans="1:4" x14ac:dyDescent="0.2">
      <c r="A14" s="9" t="s">
        <v>16</v>
      </c>
      <c r="B14" s="1" t="s">
        <v>20</v>
      </c>
      <c r="C14" s="6">
        <v>0</v>
      </c>
      <c r="D14" s="7">
        <v>0</v>
      </c>
    </row>
    <row r="15" spans="1:4" x14ac:dyDescent="0.2">
      <c r="A15" s="10" t="s">
        <v>16</v>
      </c>
      <c r="B15" s="1" t="s">
        <v>21</v>
      </c>
      <c r="C15" s="6">
        <v>12095.01</v>
      </c>
      <c r="D15" s="7">
        <v>0.33779999999999999</v>
      </c>
    </row>
    <row r="16" spans="1:4" x14ac:dyDescent="0.2">
      <c r="A16" s="11" t="s">
        <v>16</v>
      </c>
      <c r="B16" s="1" t="s">
        <v>22</v>
      </c>
      <c r="C16" s="6">
        <v>0.03</v>
      </c>
      <c r="D16" s="7">
        <v>0</v>
      </c>
    </row>
    <row r="17" spans="1:4" x14ac:dyDescent="0.2">
      <c r="A17" s="12" t="s">
        <v>16</v>
      </c>
      <c r="B17" s="1" t="s">
        <v>23</v>
      </c>
      <c r="C17" s="6">
        <v>3274.69</v>
      </c>
      <c r="D17" s="7">
        <v>9.1399999999999995E-2</v>
      </c>
    </row>
    <row r="18" spans="1:4" x14ac:dyDescent="0.2">
      <c r="A18" s="13" t="s">
        <v>16</v>
      </c>
      <c r="B18" s="1" t="s">
        <v>24</v>
      </c>
      <c r="C18" s="6">
        <v>475.98</v>
      </c>
      <c r="D18" s="7">
        <v>1.3299999999999999E-2</v>
      </c>
    </row>
    <row r="19" spans="1:4" x14ac:dyDescent="0.2">
      <c r="A19" s="14" t="s">
        <v>16</v>
      </c>
      <c r="B19" s="1" t="s">
        <v>25</v>
      </c>
      <c r="C19" s="6">
        <v>0</v>
      </c>
      <c r="D19" s="7">
        <v>0</v>
      </c>
    </row>
    <row r="20" spans="1:4" x14ac:dyDescent="0.2">
      <c r="A20" s="15" t="s">
        <v>16</v>
      </c>
      <c r="B20" s="1" t="s">
        <v>26</v>
      </c>
      <c r="C20" s="6">
        <v>0</v>
      </c>
      <c r="D20" s="7">
        <v>0</v>
      </c>
    </row>
    <row r="21" spans="1:4" x14ac:dyDescent="0.2">
      <c r="A21" s="16" t="s">
        <v>16</v>
      </c>
      <c r="B21" s="1" t="s">
        <v>27</v>
      </c>
      <c r="C21" s="6">
        <v>0</v>
      </c>
      <c r="D21" s="7">
        <v>0</v>
      </c>
    </row>
    <row r="22" spans="1:4" x14ac:dyDescent="0.2">
      <c r="A22" s="17" t="s">
        <v>16</v>
      </c>
      <c r="B22" s="1" t="s">
        <v>28</v>
      </c>
      <c r="C22" s="6">
        <v>0</v>
      </c>
      <c r="D22" s="7">
        <v>0</v>
      </c>
    </row>
    <row r="23" spans="1:4" x14ac:dyDescent="0.2">
      <c r="B23" s="1" t="s">
        <v>29</v>
      </c>
      <c r="C23" s="4" t="s">
        <v>7</v>
      </c>
      <c r="D23" s="4" t="s">
        <v>7</v>
      </c>
    </row>
    <row r="24" spans="1:4" x14ac:dyDescent="0.2">
      <c r="A24" s="18" t="s">
        <v>16</v>
      </c>
      <c r="B24" s="1" t="s">
        <v>19</v>
      </c>
      <c r="C24" s="6">
        <v>0</v>
      </c>
      <c r="D24" s="7">
        <v>0</v>
      </c>
    </row>
    <row r="25" spans="1:4" x14ac:dyDescent="0.2">
      <c r="A25" s="19" t="s">
        <v>16</v>
      </c>
      <c r="B25" s="1" t="s">
        <v>20</v>
      </c>
      <c r="C25" s="6">
        <v>0</v>
      </c>
      <c r="D25" s="7">
        <v>0</v>
      </c>
    </row>
    <row r="26" spans="1:4" x14ac:dyDescent="0.2">
      <c r="A26" s="20" t="s">
        <v>16</v>
      </c>
      <c r="B26" s="1" t="s">
        <v>21</v>
      </c>
      <c r="C26" s="6">
        <v>394.36</v>
      </c>
      <c r="D26" s="7">
        <v>1.0999999999999999E-2</v>
      </c>
    </row>
    <row r="27" spans="1:4" x14ac:dyDescent="0.2">
      <c r="A27" s="21" t="s">
        <v>16</v>
      </c>
      <c r="B27" s="1" t="s">
        <v>22</v>
      </c>
      <c r="C27" s="6">
        <v>0</v>
      </c>
      <c r="D27" s="7">
        <v>0</v>
      </c>
    </row>
    <row r="28" spans="1:4" x14ac:dyDescent="0.2">
      <c r="A28" s="22" t="s">
        <v>16</v>
      </c>
      <c r="B28" s="1" t="s">
        <v>30</v>
      </c>
      <c r="C28" s="6">
        <v>976.14</v>
      </c>
      <c r="D28" s="7">
        <v>2.7300000000000001E-2</v>
      </c>
    </row>
    <row r="29" spans="1:4" x14ac:dyDescent="0.2">
      <c r="A29" s="23" t="s">
        <v>16</v>
      </c>
      <c r="B29" s="1" t="s">
        <v>31</v>
      </c>
      <c r="C29" s="6">
        <v>0</v>
      </c>
      <c r="D29" s="7">
        <v>0</v>
      </c>
    </row>
    <row r="30" spans="1:4" x14ac:dyDescent="0.2">
      <c r="A30" s="24" t="s">
        <v>16</v>
      </c>
      <c r="B30" s="1" t="s">
        <v>32</v>
      </c>
      <c r="C30" s="6">
        <v>0</v>
      </c>
      <c r="D30" s="7">
        <v>0</v>
      </c>
    </row>
    <row r="31" spans="1:4" x14ac:dyDescent="0.2">
      <c r="A31" s="25" t="s">
        <v>16</v>
      </c>
      <c r="B31" s="1" t="s">
        <v>33</v>
      </c>
      <c r="C31" s="6">
        <v>0</v>
      </c>
      <c r="D31" s="7">
        <v>0</v>
      </c>
    </row>
    <row r="32" spans="1:4" x14ac:dyDescent="0.2">
      <c r="A32" s="26" t="s">
        <v>16</v>
      </c>
      <c r="B32" s="1" t="s">
        <v>34</v>
      </c>
      <c r="C32" s="6">
        <v>0</v>
      </c>
      <c r="D32" s="7">
        <v>0</v>
      </c>
    </row>
    <row r="33" spans="1:4" x14ac:dyDescent="0.2">
      <c r="A33" s="27" t="s">
        <v>16</v>
      </c>
      <c r="B33" s="1" t="s">
        <v>35</v>
      </c>
      <c r="C33" s="6">
        <v>0</v>
      </c>
      <c r="D33" s="7">
        <v>0</v>
      </c>
    </row>
    <row r="34" spans="1:4" x14ac:dyDescent="0.2">
      <c r="A34" s="28" t="s">
        <v>16</v>
      </c>
      <c r="B34" s="1" t="s">
        <v>36</v>
      </c>
      <c r="C34" s="6">
        <v>0</v>
      </c>
      <c r="D34" s="7">
        <v>0</v>
      </c>
    </row>
    <row r="35" spans="1:4" x14ac:dyDescent="0.2">
      <c r="A35" s="29" t="s">
        <v>16</v>
      </c>
      <c r="B35" s="1" t="s">
        <v>37</v>
      </c>
      <c r="C35" s="6">
        <v>0</v>
      </c>
      <c r="D35" s="7">
        <v>0</v>
      </c>
    </row>
    <row r="36" spans="1:4" x14ac:dyDescent="0.2">
      <c r="A36" s="30" t="s">
        <v>16</v>
      </c>
      <c r="B36" s="1" t="s">
        <v>38</v>
      </c>
      <c r="C36" s="6">
        <v>0</v>
      </c>
      <c r="D36" s="7">
        <v>0</v>
      </c>
    </row>
    <row r="37" spans="1:4" x14ac:dyDescent="0.2">
      <c r="A37" s="31" t="s">
        <v>16</v>
      </c>
      <c r="B37" s="1" t="s">
        <v>39</v>
      </c>
      <c r="C37" s="6">
        <v>0</v>
      </c>
      <c r="D37" s="7">
        <v>0</v>
      </c>
    </row>
    <row r="38" spans="1:4" x14ac:dyDescent="0.2">
      <c r="B38" s="3" t="s">
        <v>40</v>
      </c>
      <c r="C38" s="4" t="s">
        <v>7</v>
      </c>
      <c r="D38" s="4" t="s">
        <v>7</v>
      </c>
    </row>
    <row r="39" spans="1:4" x14ac:dyDescent="0.2">
      <c r="A39" s="32" t="s">
        <v>16</v>
      </c>
      <c r="B39" s="1" t="s">
        <v>41</v>
      </c>
      <c r="C39" s="6">
        <v>0</v>
      </c>
      <c r="D39" s="7">
        <v>0</v>
      </c>
    </row>
    <row r="40" spans="1:4" x14ac:dyDescent="0.2">
      <c r="A40" s="33" t="s">
        <v>16</v>
      </c>
      <c r="B40" s="1" t="s">
        <v>42</v>
      </c>
      <c r="C40" s="6">
        <v>0</v>
      </c>
      <c r="D40" s="7">
        <v>0</v>
      </c>
    </row>
    <row r="41" spans="1:4" x14ac:dyDescent="0.2">
      <c r="A41" s="34" t="s">
        <v>16</v>
      </c>
      <c r="B41" s="1" t="s">
        <v>43</v>
      </c>
      <c r="C41" s="6">
        <v>0</v>
      </c>
      <c r="D41" s="7">
        <v>0</v>
      </c>
    </row>
    <row r="42" spans="1:4" x14ac:dyDescent="0.2">
      <c r="B42" s="1" t="s">
        <v>44</v>
      </c>
      <c r="C42" s="6">
        <v>35809.910000000003</v>
      </c>
      <c r="D42" s="7">
        <v>1</v>
      </c>
    </row>
    <row r="43" spans="1:4" x14ac:dyDescent="0.2">
      <c r="A43" s="35" t="s">
        <v>16</v>
      </c>
      <c r="B43" s="1" t="s">
        <v>45</v>
      </c>
      <c r="C43" s="4" t="s">
        <v>7</v>
      </c>
      <c r="D43" s="4" t="s">
        <v>7</v>
      </c>
    </row>
    <row r="44" spans="1:4" x14ac:dyDescent="0.2">
      <c r="B44" s="36" t="s">
        <v>46</v>
      </c>
      <c r="C44" s="4" t="s">
        <v>7</v>
      </c>
      <c r="D44" s="4" t="s">
        <v>7</v>
      </c>
    </row>
    <row r="45" spans="1:4" x14ac:dyDescent="0.2">
      <c r="C45" s="1" t="s">
        <v>47</v>
      </c>
      <c r="D45" s="1" t="s">
        <v>48</v>
      </c>
    </row>
    <row r="46" spans="1:4" x14ac:dyDescent="0.2">
      <c r="C46" s="1" t="s">
        <v>13</v>
      </c>
      <c r="D46" s="1" t="s">
        <v>14</v>
      </c>
    </row>
    <row r="47" spans="1:4" x14ac:dyDescent="0.2">
      <c r="C47" s="4" t="s">
        <v>49</v>
      </c>
      <c r="D47" s="4" t="s">
        <v>50</v>
      </c>
    </row>
    <row r="48" spans="1:4" x14ac:dyDescent="0.2">
      <c r="C48" s="4" t="s">
        <v>51</v>
      </c>
      <c r="D48" s="4" t="s">
        <v>52</v>
      </c>
    </row>
    <row r="49" spans="2:4" x14ac:dyDescent="0.2">
      <c r="B49" s="46" t="s">
        <v>53</v>
      </c>
      <c r="C49" s="47"/>
      <c r="D49" s="47"/>
    </row>
  </sheetData>
  <mergeCells count="1">
    <mergeCell ref="B49:D49"/>
  </mergeCells>
  <hyperlinks>
    <hyperlink ref="A11" location="'מזומנים'!A1" display="&lt;&lt;&lt;"/>
    <hyperlink ref="A13" location="'תעודות התחייבות ממשלתיות'!A1" display="&lt;&lt;&lt;"/>
    <hyperlink ref="A14" location="'תעודות חוב מסחריות'!A1" display="&lt;&lt;&lt;"/>
    <hyperlink ref="A15" location="'אג&quot;ח קונצרני'!A1" display="&lt;&lt;&lt;"/>
    <hyperlink ref="A16" location="'מניות'!A1" display="&lt;&lt;&lt;"/>
    <hyperlink ref="A17" location="'קרנות סל'!A1" display="&lt;&lt;&lt;"/>
    <hyperlink ref="A18" location="'קרנות נאמנות'!A1" display="&lt;&lt;&lt;"/>
    <hyperlink ref="A19" location="'כתבי אופציה'!A1" display="&lt;&lt;&lt;"/>
    <hyperlink ref="A20" location="'אופציות'!A1" display="&lt;&lt;&lt;"/>
    <hyperlink ref="A21" location="'חוזים עתידיים'!A1" display="&lt;&lt;&lt;"/>
    <hyperlink ref="A22" location="'מוצרים מובנים'!A1" display="&lt;&lt;&lt;"/>
    <hyperlink ref="A24" location="'לא סחיר- תעודות התחייבות ממשלתי'!A1" display="&lt;&lt;&lt;"/>
    <hyperlink ref="A25" location="'לא סחיר - תעודות חוב מסחריות'!A1" display="&lt;&lt;&lt;"/>
    <hyperlink ref="A26" location="'לא סחיר - אג&quot;ח קונצרני'!A1" display="&lt;&lt;&lt;"/>
    <hyperlink ref="A27" location="'לא סחיר - מניות'!A1" display="&lt;&lt;&lt;"/>
    <hyperlink ref="A28" location="'לא סחיר - קרנות השקעה'!A1" display="&lt;&lt;&lt;"/>
    <hyperlink ref="A29" location="'לא סחיר - כתבי אופציה'!A1" display="&lt;&lt;&lt;"/>
    <hyperlink ref="A30" location="'לא סחיר - אופציות'!A1" display="&lt;&lt;&lt;"/>
    <hyperlink ref="A31" location="'לא סחיר - חוזים עתידיים'!A1" display="&lt;&lt;&lt;"/>
    <hyperlink ref="A32" location="'לא סחיר - מוצרים מובנים'!A1" display="&lt;&lt;&lt;"/>
    <hyperlink ref="A33" location="'הלוואות'!A1" display="&lt;&lt;&lt;"/>
    <hyperlink ref="A34" location="'פקדונות מעל 3 חודשים'!A1" display="&lt;&lt;&lt;"/>
    <hyperlink ref="A35" location="'זכויות מקרקעין'!A1" display="&lt;&lt;&lt;"/>
    <hyperlink ref="A36" location="'השקעה בחברות מוחזקות'!A1" display="&lt;&lt;&lt;"/>
    <hyperlink ref="A37" location="'השקעות אחרות'!A1" display="&lt;&lt;&lt;"/>
    <hyperlink ref="A39" location="'עלות מתואמת אג&quot;ח קונצרני סחיר'!A1" display="&lt;&lt;&lt;"/>
    <hyperlink ref="A40" location="'עלות מתואמת אג&quot;ח קונצרני ל.סחיר'!A1" display="&lt;&lt;&lt;"/>
    <hyperlink ref="A41" location="'עלות מתואמת מסגרות אשראי ללווים'!A1" display="&lt;&lt;&lt;"/>
    <hyperlink ref="A43" location="'יתרת התחייבות להשקעה'!A1" display="&lt;&lt;&lt;"/>
  </hyperlink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5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147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264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55</v>
      </c>
      <c r="C8" s="1" t="s">
        <v>56</v>
      </c>
      <c r="D8" s="1" t="s">
        <v>94</v>
      </c>
      <c r="E8" s="1" t="s">
        <v>133</v>
      </c>
      <c r="F8" s="1" t="s">
        <v>60</v>
      </c>
      <c r="G8" s="1" t="s">
        <v>97</v>
      </c>
      <c r="H8" s="1" t="s">
        <v>98</v>
      </c>
      <c r="I8" s="1" t="s">
        <v>63</v>
      </c>
      <c r="J8" s="1" t="s">
        <v>100</v>
      </c>
      <c r="K8" s="1" t="s">
        <v>64</v>
      </c>
      <c r="L8" s="1" t="s">
        <v>101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45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7</v>
      </c>
    </row>
    <row r="11" spans="2:13" x14ac:dyDescent="0.2">
      <c r="B11" s="1" t="s">
        <v>265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1" t="s">
        <v>7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1" t="s">
        <v>7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266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9">
        <v>0</v>
      </c>
      <c r="J13" s="1" t="s">
        <v>7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267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9">
        <v>0</v>
      </c>
      <c r="J14" s="1" t="s">
        <v>7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268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9">
        <v>0</v>
      </c>
      <c r="J15" s="1" t="s">
        <v>7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247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9">
        <v>0</v>
      </c>
      <c r="J16" s="1" t="s">
        <v>7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89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0</v>
      </c>
      <c r="H17" s="1" t="s">
        <v>7</v>
      </c>
      <c r="I17" s="39">
        <v>0</v>
      </c>
      <c r="J17" s="1" t="s">
        <v>7</v>
      </c>
      <c r="K17" s="38">
        <v>0</v>
      </c>
      <c r="L17" s="38">
        <v>0</v>
      </c>
      <c r="M17" s="1" t="s">
        <v>7</v>
      </c>
    </row>
    <row r="18" spans="2:13" x14ac:dyDescent="0.2">
      <c r="B18" s="1" t="s">
        <v>266</v>
      </c>
      <c r="C18" s="1" t="s">
        <v>7</v>
      </c>
      <c r="D18" s="1" t="s">
        <v>7</v>
      </c>
      <c r="E18" s="1" t="s">
        <v>7</v>
      </c>
      <c r="F18" s="1" t="s">
        <v>7</v>
      </c>
      <c r="G18" s="39">
        <v>0</v>
      </c>
      <c r="H18" s="1" t="s">
        <v>7</v>
      </c>
      <c r="I18" s="39">
        <v>0</v>
      </c>
      <c r="J18" s="1" t="s">
        <v>7</v>
      </c>
      <c r="K18" s="38">
        <v>0</v>
      </c>
      <c r="L18" s="38">
        <v>0</v>
      </c>
      <c r="M18" s="1" t="s">
        <v>7</v>
      </c>
    </row>
    <row r="19" spans="2:13" x14ac:dyDescent="0.2">
      <c r="B19" s="1" t="s">
        <v>269</v>
      </c>
      <c r="C19" s="1" t="s">
        <v>7</v>
      </c>
      <c r="D19" s="1" t="s">
        <v>7</v>
      </c>
      <c r="E19" s="1" t="s">
        <v>7</v>
      </c>
      <c r="F19" s="1" t="s">
        <v>7</v>
      </c>
      <c r="G19" s="39">
        <v>0</v>
      </c>
      <c r="H19" s="1" t="s">
        <v>7</v>
      </c>
      <c r="I19" s="39">
        <v>0</v>
      </c>
      <c r="J19" s="1" t="s">
        <v>7</v>
      </c>
      <c r="K19" s="38">
        <v>0</v>
      </c>
      <c r="L19" s="38">
        <v>0</v>
      </c>
      <c r="M19" s="1" t="s">
        <v>7</v>
      </c>
    </row>
    <row r="20" spans="2:13" x14ac:dyDescent="0.2">
      <c r="B20" s="1" t="s">
        <v>268</v>
      </c>
      <c r="C20" s="1" t="s">
        <v>7</v>
      </c>
      <c r="D20" s="1" t="s">
        <v>7</v>
      </c>
      <c r="E20" s="1" t="s">
        <v>7</v>
      </c>
      <c r="F20" s="1" t="s">
        <v>7</v>
      </c>
      <c r="G20" s="39">
        <v>0</v>
      </c>
      <c r="H20" s="1" t="s">
        <v>7</v>
      </c>
      <c r="I20" s="39">
        <v>0</v>
      </c>
      <c r="J20" s="1" t="s">
        <v>7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270</v>
      </c>
      <c r="C21" s="1" t="s">
        <v>7</v>
      </c>
      <c r="D21" s="1" t="s">
        <v>7</v>
      </c>
      <c r="E21" s="1" t="s">
        <v>7</v>
      </c>
      <c r="F21" s="1" t="s">
        <v>7</v>
      </c>
      <c r="G21" s="39">
        <v>0</v>
      </c>
      <c r="H21" s="1" t="s">
        <v>7</v>
      </c>
      <c r="I21" s="39">
        <v>0</v>
      </c>
      <c r="J21" s="1" t="s">
        <v>7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247</v>
      </c>
      <c r="C22" s="1" t="s">
        <v>7</v>
      </c>
      <c r="D22" s="1" t="s">
        <v>7</v>
      </c>
      <c r="E22" s="1" t="s">
        <v>7</v>
      </c>
      <c r="F22" s="1" t="s">
        <v>7</v>
      </c>
      <c r="G22" s="39">
        <v>0</v>
      </c>
      <c r="H22" s="1" t="s">
        <v>7</v>
      </c>
      <c r="I22" s="39">
        <v>0</v>
      </c>
      <c r="J22" s="1" t="s">
        <v>7</v>
      </c>
      <c r="K22" s="38">
        <v>0</v>
      </c>
      <c r="L22" s="38">
        <v>0</v>
      </c>
      <c r="M22" s="1" t="s">
        <v>7</v>
      </c>
    </row>
    <row r="23" spans="2:13" x14ac:dyDescent="0.2">
      <c r="B23" s="36" t="s">
        <v>91</v>
      </c>
    </row>
    <row r="24" spans="2:13" x14ac:dyDescent="0.2">
      <c r="B24" s="36" t="s">
        <v>130</v>
      </c>
    </row>
    <row r="25" spans="2:13" x14ac:dyDescent="0.2">
      <c r="B25" s="56" t="s">
        <v>53</v>
      </c>
      <c r="C25" s="47"/>
      <c r="D25" s="47"/>
      <c r="E25" s="47"/>
      <c r="F25" s="47"/>
      <c r="G25" s="47"/>
      <c r="H25" s="47"/>
      <c r="I25" s="47"/>
      <c r="J25" s="47"/>
      <c r="K25" s="47"/>
      <c r="L25" s="47"/>
      <c r="M25" s="47"/>
    </row>
  </sheetData>
  <mergeCells count="1">
    <mergeCell ref="B25:M25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6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8" customWidth="1"/>
    <col min="9" max="9" width="10" customWidth="1"/>
    <col min="10" max="10" width="24" customWidth="1"/>
    <col min="11" max="11" width="21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47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27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55</v>
      </c>
      <c r="C8" s="1" t="s">
        <v>56</v>
      </c>
      <c r="D8" s="1" t="s">
        <v>94</v>
      </c>
      <c r="E8" s="1" t="s">
        <v>133</v>
      </c>
      <c r="F8" s="1" t="s">
        <v>60</v>
      </c>
      <c r="G8" s="1" t="s">
        <v>97</v>
      </c>
      <c r="H8" s="1" t="s">
        <v>98</v>
      </c>
      <c r="I8" s="1" t="s">
        <v>63</v>
      </c>
      <c r="J8" s="1" t="s">
        <v>64</v>
      </c>
      <c r="K8" s="1" t="s">
        <v>65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3</v>
      </c>
      <c r="H9" s="1" t="s">
        <v>104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</v>
      </c>
    </row>
    <row r="11" spans="2:12" x14ac:dyDescent="0.2">
      <c r="B11" s="1" t="s">
        <v>272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38">
        <v>0</v>
      </c>
      <c r="K11" s="38">
        <v>0</v>
      </c>
      <c r="L11" s="1" t="s">
        <v>7</v>
      </c>
    </row>
    <row r="12" spans="2:12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38">
        <v>0</v>
      </c>
      <c r="K12" s="38">
        <v>0</v>
      </c>
      <c r="L12" s="1" t="s">
        <v>7</v>
      </c>
    </row>
    <row r="13" spans="2:12" x14ac:dyDescent="0.2">
      <c r="B13" s="1" t="s">
        <v>89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9">
        <v>0</v>
      </c>
      <c r="J13" s="38">
        <v>0</v>
      </c>
      <c r="K13" s="38">
        <v>0</v>
      </c>
      <c r="L13" s="1" t="s">
        <v>7</v>
      </c>
    </row>
    <row r="14" spans="2:12" x14ac:dyDescent="0.2">
      <c r="B14" s="36" t="s">
        <v>91</v>
      </c>
    </row>
    <row r="15" spans="2:12" x14ac:dyDescent="0.2">
      <c r="B15" s="36" t="s">
        <v>130</v>
      </c>
    </row>
    <row r="16" spans="2:12" x14ac:dyDescent="0.2">
      <c r="B16" s="57" t="s">
        <v>53</v>
      </c>
      <c r="C16" s="47"/>
      <c r="D16" s="47"/>
      <c r="E16" s="47"/>
      <c r="F16" s="47"/>
      <c r="G16" s="47"/>
      <c r="H16" s="47"/>
      <c r="I16" s="47"/>
      <c r="J16" s="47"/>
      <c r="K16" s="47"/>
      <c r="L16" s="47"/>
    </row>
  </sheetData>
  <mergeCells count="1">
    <mergeCell ref="B16:L16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2"/>
  <sheetViews>
    <sheetView rightToLeft="1" topLeftCell="A7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0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1476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27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55</v>
      </c>
      <c r="C8" s="1" t="s">
        <v>56</v>
      </c>
      <c r="D8" s="1" t="s">
        <v>274</v>
      </c>
      <c r="E8" s="1" t="s">
        <v>58</v>
      </c>
      <c r="F8" s="1" t="s">
        <v>59</v>
      </c>
      <c r="G8" s="1" t="s">
        <v>95</v>
      </c>
      <c r="H8" s="1" t="s">
        <v>96</v>
      </c>
      <c r="I8" s="1" t="s">
        <v>60</v>
      </c>
      <c r="J8" s="1" t="s">
        <v>61</v>
      </c>
      <c r="K8" s="1" t="s">
        <v>62</v>
      </c>
      <c r="L8" s="1" t="s">
        <v>97</v>
      </c>
      <c r="M8" s="1" t="s">
        <v>98</v>
      </c>
      <c r="N8" s="1" t="s">
        <v>63</v>
      </c>
      <c r="O8" s="1" t="s">
        <v>100</v>
      </c>
      <c r="P8" s="1" t="s">
        <v>64</v>
      </c>
      <c r="Q8" s="1" t="s">
        <v>101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2</v>
      </c>
      <c r="I9" s="1" t="s">
        <v>7</v>
      </c>
      <c r="J9" s="1" t="s">
        <v>12</v>
      </c>
      <c r="K9" s="1" t="s">
        <v>12</v>
      </c>
      <c r="L9" s="1" t="s">
        <v>103</v>
      </c>
      <c r="M9" s="1" t="s">
        <v>104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108</v>
      </c>
      <c r="Q10" s="1" t="s">
        <v>109</v>
      </c>
      <c r="R10" s="1" t="s">
        <v>7</v>
      </c>
    </row>
    <row r="11" spans="2:18" x14ac:dyDescent="0.2">
      <c r="B11" s="1" t="s">
        <v>27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39">
        <v>0</v>
      </c>
      <c r="M11" s="1" t="s">
        <v>7</v>
      </c>
      <c r="N11" s="39">
        <v>0</v>
      </c>
      <c r="O11" s="1" t="s">
        <v>7</v>
      </c>
      <c r="P11" s="38">
        <v>0</v>
      </c>
      <c r="Q11" s="38">
        <v>0</v>
      </c>
      <c r="R11" s="1" t="s">
        <v>7</v>
      </c>
    </row>
    <row r="12" spans="2:18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39">
        <v>0</v>
      </c>
      <c r="M12" s="1" t="s">
        <v>7</v>
      </c>
      <c r="N12" s="39">
        <v>0</v>
      </c>
      <c r="O12" s="1" t="s">
        <v>7</v>
      </c>
      <c r="P12" s="38">
        <v>0</v>
      </c>
      <c r="Q12" s="38">
        <v>0</v>
      </c>
      <c r="R12" s="1" t="s">
        <v>7</v>
      </c>
    </row>
    <row r="13" spans="2:18" x14ac:dyDescent="0.2">
      <c r="B13" s="1" t="s">
        <v>276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39">
        <v>0</v>
      </c>
      <c r="M13" s="1" t="s">
        <v>7</v>
      </c>
      <c r="N13" s="39">
        <v>0</v>
      </c>
      <c r="O13" s="1" t="s">
        <v>7</v>
      </c>
      <c r="P13" s="38">
        <v>0</v>
      </c>
      <c r="Q13" s="38">
        <v>0</v>
      </c>
      <c r="R13" s="1" t="s">
        <v>7</v>
      </c>
    </row>
    <row r="14" spans="2:18" x14ac:dyDescent="0.2">
      <c r="B14" s="1" t="s">
        <v>277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39">
        <v>0</v>
      </c>
      <c r="M14" s="1" t="s">
        <v>7</v>
      </c>
      <c r="N14" s="39">
        <v>0</v>
      </c>
      <c r="O14" s="1" t="s">
        <v>7</v>
      </c>
      <c r="P14" s="38">
        <v>0</v>
      </c>
      <c r="Q14" s="38">
        <v>0</v>
      </c>
      <c r="R14" s="1" t="s">
        <v>7</v>
      </c>
    </row>
    <row r="15" spans="2:18" x14ac:dyDescent="0.2">
      <c r="B15" s="1" t="s">
        <v>278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39">
        <v>0</v>
      </c>
      <c r="M15" s="1" t="s">
        <v>7</v>
      </c>
      <c r="N15" s="39">
        <v>0</v>
      </c>
      <c r="O15" s="1" t="s">
        <v>7</v>
      </c>
      <c r="P15" s="38">
        <v>0</v>
      </c>
      <c r="Q15" s="38">
        <v>0</v>
      </c>
      <c r="R15" s="1" t="s">
        <v>7</v>
      </c>
    </row>
    <row r="16" spans="2:18" x14ac:dyDescent="0.2">
      <c r="B16" s="1" t="s">
        <v>89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8">
        <v>0</v>
      </c>
      <c r="K16" s="38">
        <v>0</v>
      </c>
      <c r="L16" s="39">
        <v>0</v>
      </c>
      <c r="M16" s="1" t="s">
        <v>7</v>
      </c>
      <c r="N16" s="39">
        <v>0</v>
      </c>
      <c r="O16" s="1" t="s">
        <v>7</v>
      </c>
      <c r="P16" s="38">
        <v>0</v>
      </c>
      <c r="Q16" s="38">
        <v>0</v>
      </c>
      <c r="R16" s="1" t="s">
        <v>7</v>
      </c>
    </row>
    <row r="17" spans="2:18" x14ac:dyDescent="0.2">
      <c r="B17" s="1" t="s">
        <v>27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39">
        <v>0</v>
      </c>
      <c r="M17" s="1" t="s">
        <v>7</v>
      </c>
      <c r="N17" s="39">
        <v>0</v>
      </c>
      <c r="O17" s="1" t="s">
        <v>7</v>
      </c>
      <c r="P17" s="38">
        <v>0</v>
      </c>
      <c r="Q17" s="38">
        <v>0</v>
      </c>
      <c r="R17" s="1" t="s">
        <v>7</v>
      </c>
    </row>
    <row r="18" spans="2:18" x14ac:dyDescent="0.2">
      <c r="B18" s="1" t="s">
        <v>277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39">
        <v>0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279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39">
        <v>0</v>
      </c>
      <c r="M19" s="1" t="s">
        <v>7</v>
      </c>
      <c r="N19" s="39">
        <v>0</v>
      </c>
      <c r="O19" s="1" t="s">
        <v>7</v>
      </c>
      <c r="P19" s="38">
        <v>0</v>
      </c>
      <c r="Q19" s="38">
        <v>0</v>
      </c>
      <c r="R19" s="1" t="s">
        <v>7</v>
      </c>
    </row>
    <row r="20" spans="2:18" x14ac:dyDescent="0.2">
      <c r="B20" s="36" t="s">
        <v>91</v>
      </c>
    </row>
    <row r="21" spans="2:18" x14ac:dyDescent="0.2">
      <c r="B21" s="36" t="s">
        <v>130</v>
      </c>
    </row>
    <row r="22" spans="2:18" x14ac:dyDescent="0.2">
      <c r="B22" s="58" t="s">
        <v>53</v>
      </c>
      <c r="C22" s="47"/>
      <c r="D22" s="47"/>
      <c r="E22" s="47"/>
      <c r="F22" s="47"/>
      <c r="G22" s="47"/>
      <c r="H22" s="47"/>
      <c r="I22" s="47"/>
      <c r="J22" s="47"/>
      <c r="K22" s="47"/>
      <c r="L22" s="47"/>
      <c r="M22" s="47"/>
      <c r="N22" s="47"/>
      <c r="O22" s="47"/>
      <c r="P22" s="47"/>
      <c r="Q22" s="47"/>
      <c r="R22" s="47"/>
    </row>
  </sheetData>
  <mergeCells count="1">
    <mergeCell ref="B22:R22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8"/>
  <sheetViews>
    <sheetView rightToLeft="1" workbookViewId="0"/>
  </sheetViews>
  <sheetFormatPr defaultRowHeight="14.25" x14ac:dyDescent="0.2"/>
  <cols>
    <col min="1" max="1" width="3" customWidth="1"/>
    <col min="2" max="2" width="45" customWidth="1"/>
    <col min="3" max="3" width="11" customWidth="1"/>
    <col min="4" max="4" width="7" customWidth="1"/>
    <col min="5" max="5" width="9" customWidth="1"/>
    <col min="6" max="6" width="13" customWidth="1"/>
    <col min="7" max="7" width="6" customWidth="1"/>
    <col min="8" max="8" width="10" customWidth="1"/>
    <col min="9" max="9" width="13" customWidth="1"/>
    <col min="10" max="10" width="15" customWidth="1"/>
    <col min="11" max="11" width="10" customWidth="1"/>
    <col min="12" max="12" width="8" customWidth="1"/>
    <col min="13" max="13" width="11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1476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28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3" t="s">
        <v>9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</row>
    <row r="8" spans="2:17" x14ac:dyDescent="0.2">
      <c r="B8" s="1" t="s">
        <v>55</v>
      </c>
      <c r="C8" s="1" t="s">
        <v>56</v>
      </c>
      <c r="D8" s="1" t="s">
        <v>58</v>
      </c>
      <c r="E8" s="1" t="s">
        <v>59</v>
      </c>
      <c r="F8" s="1" t="s">
        <v>95</v>
      </c>
      <c r="G8" s="1" t="s">
        <v>96</v>
      </c>
      <c r="H8" s="1" t="s">
        <v>60</v>
      </c>
      <c r="I8" s="1" t="s">
        <v>61</v>
      </c>
      <c r="J8" s="1" t="s">
        <v>62</v>
      </c>
      <c r="K8" s="1" t="s">
        <v>97</v>
      </c>
      <c r="L8" s="1" t="s">
        <v>98</v>
      </c>
      <c r="M8" s="1" t="s">
        <v>9</v>
      </c>
      <c r="N8" s="1" t="s">
        <v>100</v>
      </c>
      <c r="O8" s="1" t="s">
        <v>64</v>
      </c>
      <c r="P8" s="1" t="s">
        <v>101</v>
      </c>
      <c r="Q8" s="1" t="s">
        <v>7</v>
      </c>
    </row>
    <row r="9" spans="2:17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44</v>
      </c>
      <c r="G9" s="1" t="s">
        <v>102</v>
      </c>
      <c r="H9" s="1" t="s">
        <v>7</v>
      </c>
      <c r="I9" s="1" t="s">
        <v>12</v>
      </c>
      <c r="J9" s="1" t="s">
        <v>12</v>
      </c>
      <c r="K9" s="1" t="s">
        <v>103</v>
      </c>
      <c r="L9" s="1" t="s">
        <v>104</v>
      </c>
      <c r="M9" s="1" t="s">
        <v>11</v>
      </c>
      <c r="N9" s="1" t="s">
        <v>12</v>
      </c>
      <c r="O9" s="1" t="s">
        <v>12</v>
      </c>
      <c r="P9" s="1" t="s">
        <v>12</v>
      </c>
      <c r="Q9" s="1" t="s">
        <v>7</v>
      </c>
    </row>
    <row r="10" spans="2:17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108</v>
      </c>
      <c r="Q10" s="1" t="s">
        <v>7</v>
      </c>
    </row>
    <row r="11" spans="2:17" x14ac:dyDescent="0.2">
      <c r="B11" s="1" t="s">
        <v>111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39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39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89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39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28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39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281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39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36" t="s">
        <v>91</v>
      </c>
    </row>
    <row r="17" spans="2:17" x14ac:dyDescent="0.2">
      <c r="B17" s="36" t="s">
        <v>130</v>
      </c>
    </row>
    <row r="18" spans="2:17" x14ac:dyDescent="0.2">
      <c r="B18" s="59" t="s">
        <v>53</v>
      </c>
      <c r="C18" s="47"/>
      <c r="D18" s="47"/>
      <c r="E18" s="47"/>
      <c r="F18" s="47"/>
      <c r="G18" s="47"/>
      <c r="H18" s="47"/>
      <c r="I18" s="47"/>
      <c r="J18" s="47"/>
      <c r="K18" s="47"/>
      <c r="L18" s="47"/>
      <c r="M18" s="47"/>
      <c r="N18" s="47"/>
      <c r="O18" s="47"/>
      <c r="P18" s="47"/>
      <c r="Q18" s="47"/>
    </row>
  </sheetData>
  <mergeCells count="1">
    <mergeCell ref="B18:Q18"/>
  </mergeCells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2"/>
  <sheetViews>
    <sheetView rightToLeft="1" workbookViewId="0"/>
  </sheetViews>
  <sheetFormatPr defaultRowHeight="14.25" x14ac:dyDescent="0.2"/>
  <cols>
    <col min="1" max="1" width="3" customWidth="1"/>
    <col min="2" max="2" width="43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1476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28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3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55</v>
      </c>
      <c r="C8" s="1" t="s">
        <v>56</v>
      </c>
      <c r="D8" s="1" t="s">
        <v>132</v>
      </c>
      <c r="E8" s="1" t="s">
        <v>57</v>
      </c>
      <c r="F8" s="1" t="s">
        <v>133</v>
      </c>
      <c r="G8" s="1" t="s">
        <v>58</v>
      </c>
      <c r="H8" s="1" t="s">
        <v>59</v>
      </c>
      <c r="I8" s="1" t="s">
        <v>95</v>
      </c>
      <c r="J8" s="1" t="s">
        <v>96</v>
      </c>
      <c r="K8" s="1" t="s">
        <v>60</v>
      </c>
      <c r="L8" s="1" t="s">
        <v>61</v>
      </c>
      <c r="M8" s="1" t="s">
        <v>62</v>
      </c>
      <c r="N8" s="1" t="s">
        <v>97</v>
      </c>
      <c r="O8" s="1" t="s">
        <v>98</v>
      </c>
      <c r="P8" s="1" t="s">
        <v>9</v>
      </c>
      <c r="Q8" s="1" t="s">
        <v>100</v>
      </c>
      <c r="R8" s="1" t="s">
        <v>64</v>
      </c>
      <c r="S8" s="1" t="s">
        <v>101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44</v>
      </c>
      <c r="J9" s="1" t="s">
        <v>102</v>
      </c>
      <c r="K9" s="1" t="s">
        <v>7</v>
      </c>
      <c r="L9" s="1" t="s">
        <v>12</v>
      </c>
      <c r="M9" s="1" t="s">
        <v>12</v>
      </c>
      <c r="N9" s="1" t="s">
        <v>103</v>
      </c>
      <c r="O9" s="1" t="s">
        <v>104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108</v>
      </c>
      <c r="Q10" s="1" t="s">
        <v>109</v>
      </c>
      <c r="R10" s="1" t="s">
        <v>110</v>
      </c>
      <c r="S10" s="1" t="s">
        <v>134</v>
      </c>
      <c r="T10" s="1" t="s">
        <v>7</v>
      </c>
    </row>
    <row r="11" spans="2:20" x14ac:dyDescent="0.2">
      <c r="B11" s="1" t="s">
        <v>13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8">
        <v>0</v>
      </c>
      <c r="M11" s="38">
        <v>0</v>
      </c>
      <c r="N11" s="39">
        <v>0</v>
      </c>
      <c r="O11" s="1" t="s">
        <v>7</v>
      </c>
      <c r="P11" s="39">
        <v>0</v>
      </c>
      <c r="Q11" s="1" t="s">
        <v>7</v>
      </c>
      <c r="R11" s="38">
        <v>0</v>
      </c>
      <c r="S11" s="38">
        <v>0</v>
      </c>
      <c r="T11" s="1" t="s">
        <v>7</v>
      </c>
    </row>
    <row r="12" spans="2:20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8">
        <v>0</v>
      </c>
      <c r="M12" s="38">
        <v>0</v>
      </c>
      <c r="N12" s="39">
        <v>0</v>
      </c>
      <c r="O12" s="1" t="s">
        <v>7</v>
      </c>
      <c r="P12" s="39">
        <v>0</v>
      </c>
      <c r="Q12" s="1" t="s">
        <v>7</v>
      </c>
      <c r="R12" s="38">
        <v>0</v>
      </c>
      <c r="S12" s="38">
        <v>0</v>
      </c>
      <c r="T12" s="1" t="s">
        <v>7</v>
      </c>
    </row>
    <row r="13" spans="2:20" x14ac:dyDescent="0.2">
      <c r="B13" s="1" t="s">
        <v>28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39">
        <v>0</v>
      </c>
      <c r="O13" s="1" t="s">
        <v>7</v>
      </c>
      <c r="P13" s="39">
        <v>0</v>
      </c>
      <c r="Q13" s="1" t="s">
        <v>7</v>
      </c>
      <c r="R13" s="38">
        <v>0</v>
      </c>
      <c r="S13" s="38">
        <v>0</v>
      </c>
      <c r="T13" s="1" t="s">
        <v>7</v>
      </c>
    </row>
    <row r="14" spans="2:20" x14ac:dyDescent="0.2">
      <c r="B14" s="1" t="s">
        <v>283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39">
        <v>0</v>
      </c>
      <c r="O14" s="1" t="s">
        <v>7</v>
      </c>
      <c r="P14" s="39">
        <v>0</v>
      </c>
      <c r="Q14" s="1" t="s">
        <v>7</v>
      </c>
      <c r="R14" s="38">
        <v>0</v>
      </c>
      <c r="S14" s="38">
        <v>0</v>
      </c>
      <c r="T14" s="1" t="s">
        <v>7</v>
      </c>
    </row>
    <row r="15" spans="2:20" x14ac:dyDescent="0.2">
      <c r="B15" s="1" t="s">
        <v>139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39">
        <v>0</v>
      </c>
      <c r="O15" s="1" t="s">
        <v>7</v>
      </c>
      <c r="P15" s="39">
        <v>0</v>
      </c>
      <c r="Q15" s="1" t="s">
        <v>7</v>
      </c>
      <c r="R15" s="38">
        <v>0</v>
      </c>
      <c r="S15" s="38">
        <v>0</v>
      </c>
      <c r="T15" s="1" t="s">
        <v>7</v>
      </c>
    </row>
    <row r="16" spans="2:20" x14ac:dyDescent="0.2">
      <c r="B16" s="1" t="s">
        <v>247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  <c r="R16" s="1" t="s">
        <v>7</v>
      </c>
      <c r="S16" s="1" t="s">
        <v>7</v>
      </c>
      <c r="T16" s="1" t="s">
        <v>7</v>
      </c>
    </row>
    <row r="17" spans="2:20" x14ac:dyDescent="0.2">
      <c r="B17" s="1" t="s">
        <v>89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39">
        <v>0</v>
      </c>
      <c r="O17" s="1" t="s">
        <v>7</v>
      </c>
      <c r="P17" s="39">
        <v>0</v>
      </c>
      <c r="Q17" s="1" t="s">
        <v>7</v>
      </c>
      <c r="R17" s="38">
        <v>0</v>
      </c>
      <c r="S17" s="38">
        <v>0</v>
      </c>
      <c r="T17" s="1" t="s">
        <v>7</v>
      </c>
    </row>
    <row r="18" spans="2:20" x14ac:dyDescent="0.2">
      <c r="B18" s="1" t="s">
        <v>284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39">
        <v>0</v>
      </c>
      <c r="O18" s="1" t="s">
        <v>7</v>
      </c>
      <c r="P18" s="39">
        <v>0</v>
      </c>
      <c r="Q18" s="1" t="s">
        <v>7</v>
      </c>
      <c r="R18" s="38">
        <v>0</v>
      </c>
      <c r="S18" s="38">
        <v>0</v>
      </c>
      <c r="T18" s="1" t="s">
        <v>7</v>
      </c>
    </row>
    <row r="19" spans="2:20" x14ac:dyDescent="0.2">
      <c r="B19" s="1" t="s">
        <v>285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8">
        <v>0</v>
      </c>
      <c r="M19" s="38">
        <v>0</v>
      </c>
      <c r="N19" s="39">
        <v>0</v>
      </c>
      <c r="O19" s="1" t="s">
        <v>7</v>
      </c>
      <c r="P19" s="39">
        <v>0</v>
      </c>
      <c r="Q19" s="1" t="s">
        <v>7</v>
      </c>
      <c r="R19" s="38">
        <v>0</v>
      </c>
      <c r="S19" s="38">
        <v>0</v>
      </c>
      <c r="T19" s="1" t="s">
        <v>7</v>
      </c>
    </row>
    <row r="20" spans="2:20" x14ac:dyDescent="0.2">
      <c r="B20" s="36" t="s">
        <v>91</v>
      </c>
    </row>
    <row r="21" spans="2:20" x14ac:dyDescent="0.2">
      <c r="B21" s="36" t="s">
        <v>130</v>
      </c>
    </row>
    <row r="22" spans="2:20" x14ac:dyDescent="0.2">
      <c r="B22" s="60" t="s">
        <v>53</v>
      </c>
      <c r="C22" s="47"/>
      <c r="D22" s="47"/>
      <c r="E22" s="47"/>
      <c r="F22" s="47"/>
      <c r="G22" s="47"/>
      <c r="H22" s="47"/>
      <c r="I22" s="47"/>
      <c r="J22" s="47"/>
      <c r="K22" s="47"/>
      <c r="L22" s="47"/>
      <c r="M22" s="47"/>
      <c r="N22" s="47"/>
      <c r="O22" s="47"/>
      <c r="P22" s="47"/>
      <c r="Q22" s="47"/>
      <c r="R22" s="47"/>
      <c r="S22" s="47"/>
      <c r="T22" s="47"/>
    </row>
  </sheetData>
  <mergeCells count="1">
    <mergeCell ref="B22:T22"/>
  </mergeCells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3"/>
  <sheetViews>
    <sheetView rightToLeft="1" topLeftCell="A7" workbookViewId="0"/>
  </sheetViews>
  <sheetFormatPr defaultRowHeight="14.25" x14ac:dyDescent="0.2"/>
  <cols>
    <col min="1" max="1" width="3" customWidth="1"/>
    <col min="2" max="2" width="37" customWidth="1"/>
    <col min="3" max="4" width="11" customWidth="1"/>
    <col min="5" max="5" width="12" customWidth="1"/>
    <col min="6" max="6" width="10" customWidth="1"/>
    <col min="7" max="7" width="8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2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1476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28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4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55</v>
      </c>
      <c r="C8" s="1" t="s">
        <v>56</v>
      </c>
      <c r="D8" s="1" t="s">
        <v>132</v>
      </c>
      <c r="E8" s="1" t="s">
        <v>57</v>
      </c>
      <c r="F8" s="1" t="s">
        <v>133</v>
      </c>
      <c r="G8" s="1" t="s">
        <v>58</v>
      </c>
      <c r="H8" s="1" t="s">
        <v>59</v>
      </c>
      <c r="I8" s="1" t="s">
        <v>95</v>
      </c>
      <c r="J8" s="1" t="s">
        <v>96</v>
      </c>
      <c r="K8" s="1" t="s">
        <v>60</v>
      </c>
      <c r="L8" s="1" t="s">
        <v>61</v>
      </c>
      <c r="M8" s="1" t="s">
        <v>62</v>
      </c>
      <c r="N8" s="1" t="s">
        <v>97</v>
      </c>
      <c r="O8" s="1" t="s">
        <v>98</v>
      </c>
      <c r="P8" s="1" t="s">
        <v>9</v>
      </c>
      <c r="Q8" s="1" t="s">
        <v>100</v>
      </c>
      <c r="R8" s="1" t="s">
        <v>64</v>
      </c>
      <c r="S8" s="1" t="s">
        <v>101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02</v>
      </c>
      <c r="K9" s="1" t="s">
        <v>7</v>
      </c>
      <c r="L9" s="1" t="s">
        <v>12</v>
      </c>
      <c r="M9" s="1" t="s">
        <v>12</v>
      </c>
      <c r="N9" s="1" t="s">
        <v>103</v>
      </c>
      <c r="O9" s="1" t="s">
        <v>104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108</v>
      </c>
      <c r="Q10" s="1" t="s">
        <v>109</v>
      </c>
      <c r="R10" s="1" t="s">
        <v>110</v>
      </c>
      <c r="S10" s="1" t="s">
        <v>134</v>
      </c>
      <c r="T10" s="1" t="s">
        <v>7</v>
      </c>
    </row>
    <row r="11" spans="2:20" x14ac:dyDescent="0.2">
      <c r="B11" s="1" t="s">
        <v>254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6.02</v>
      </c>
      <c r="K11" s="1" t="s">
        <v>7</v>
      </c>
      <c r="L11" s="38">
        <v>3.7400000000000003E-2</v>
      </c>
      <c r="M11" s="38">
        <v>1.7100000000000001E-2</v>
      </c>
      <c r="N11" s="39">
        <v>346720</v>
      </c>
      <c r="O11" s="1" t="s">
        <v>7</v>
      </c>
      <c r="P11" s="39">
        <v>394.36</v>
      </c>
      <c r="Q11" s="1" t="s">
        <v>7</v>
      </c>
      <c r="R11" s="38">
        <v>1</v>
      </c>
      <c r="S11" s="38">
        <v>1.0999999999999999E-2</v>
      </c>
      <c r="T11" s="1" t="s">
        <v>7</v>
      </c>
    </row>
    <row r="12" spans="2:20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6.02</v>
      </c>
      <c r="K12" s="1" t="s">
        <v>7</v>
      </c>
      <c r="L12" s="38">
        <v>3.7400000000000003E-2</v>
      </c>
      <c r="M12" s="38">
        <v>1.7100000000000001E-2</v>
      </c>
      <c r="N12" s="39">
        <v>346720</v>
      </c>
      <c r="O12" s="1" t="s">
        <v>7</v>
      </c>
      <c r="P12" s="39">
        <v>394.36</v>
      </c>
      <c r="Q12" s="1" t="s">
        <v>7</v>
      </c>
      <c r="R12" s="38">
        <v>1</v>
      </c>
      <c r="S12" s="38">
        <v>1.0999999999999999E-2</v>
      </c>
      <c r="T12" s="1" t="s">
        <v>7</v>
      </c>
    </row>
    <row r="13" spans="2:20" x14ac:dyDescent="0.2">
      <c r="B13" s="1" t="s">
        <v>28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39">
        <v>0</v>
      </c>
      <c r="O13" s="1" t="s">
        <v>7</v>
      </c>
      <c r="P13" s="39">
        <v>0</v>
      </c>
      <c r="Q13" s="1" t="s">
        <v>7</v>
      </c>
      <c r="R13" s="38">
        <v>0</v>
      </c>
      <c r="S13" s="38">
        <v>0</v>
      </c>
      <c r="T13" s="1" t="s">
        <v>7</v>
      </c>
    </row>
    <row r="14" spans="2:20" x14ac:dyDescent="0.2">
      <c r="B14" s="1" t="s">
        <v>283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6.02</v>
      </c>
      <c r="K14" s="1" t="s">
        <v>7</v>
      </c>
      <c r="L14" s="38">
        <v>3.7400000000000003E-2</v>
      </c>
      <c r="M14" s="38">
        <v>1.7100000000000001E-2</v>
      </c>
      <c r="N14" s="39">
        <v>346720</v>
      </c>
      <c r="O14" s="1" t="s">
        <v>7</v>
      </c>
      <c r="P14" s="39">
        <v>394.36</v>
      </c>
      <c r="Q14" s="1" t="s">
        <v>7</v>
      </c>
      <c r="R14" s="38">
        <v>1</v>
      </c>
      <c r="S14" s="38">
        <v>1.0999999999999999E-2</v>
      </c>
      <c r="T14" s="1" t="s">
        <v>7</v>
      </c>
    </row>
    <row r="15" spans="2:20" x14ac:dyDescent="0.2">
      <c r="B15" s="40" t="s">
        <v>286</v>
      </c>
      <c r="C15" s="41">
        <v>1140284</v>
      </c>
      <c r="D15" s="40" t="s">
        <v>148</v>
      </c>
      <c r="E15" s="41">
        <v>520042185</v>
      </c>
      <c r="F15" s="40" t="s">
        <v>287</v>
      </c>
      <c r="G15" s="40" t="s">
        <v>288</v>
      </c>
      <c r="H15" s="40" t="s">
        <v>157</v>
      </c>
      <c r="I15" s="40" t="s">
        <v>289</v>
      </c>
      <c r="J15" s="43">
        <v>6.02</v>
      </c>
      <c r="K15" s="40" t="s">
        <v>80</v>
      </c>
      <c r="L15" s="42">
        <v>3.7400000000000003E-2</v>
      </c>
      <c r="M15" s="42">
        <v>1.7100000000000001E-2</v>
      </c>
      <c r="N15" s="43">
        <v>346720</v>
      </c>
      <c r="O15" s="43">
        <v>113.74</v>
      </c>
      <c r="P15" s="43">
        <v>394.36</v>
      </c>
      <c r="Q15" s="42">
        <v>5.0000000000000001E-4</v>
      </c>
      <c r="R15" s="42">
        <v>1</v>
      </c>
      <c r="S15" s="42">
        <v>1.0999999999999999E-2</v>
      </c>
      <c r="T15" s="40" t="s">
        <v>7</v>
      </c>
    </row>
    <row r="16" spans="2:20" x14ac:dyDescent="0.2">
      <c r="B16" s="1" t="s">
        <v>139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39">
        <v>0</v>
      </c>
      <c r="K16" s="1" t="s">
        <v>7</v>
      </c>
      <c r="L16" s="38">
        <v>0</v>
      </c>
      <c r="M16" s="38">
        <v>0</v>
      </c>
      <c r="N16" s="39">
        <v>0</v>
      </c>
      <c r="O16" s="1" t="s">
        <v>7</v>
      </c>
      <c r="P16" s="39">
        <v>0</v>
      </c>
      <c r="Q16" s="1" t="s">
        <v>7</v>
      </c>
      <c r="R16" s="38">
        <v>0</v>
      </c>
      <c r="S16" s="38">
        <v>0</v>
      </c>
      <c r="T16" s="1" t="s">
        <v>7</v>
      </c>
    </row>
    <row r="17" spans="2:20" x14ac:dyDescent="0.2">
      <c r="B17" s="1" t="s">
        <v>24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39">
        <v>0</v>
      </c>
      <c r="O17" s="1" t="s">
        <v>7</v>
      </c>
      <c r="P17" s="39">
        <v>0</v>
      </c>
      <c r="Q17" s="1" t="s">
        <v>7</v>
      </c>
      <c r="R17" s="38">
        <v>0</v>
      </c>
      <c r="S17" s="38">
        <v>0</v>
      </c>
      <c r="T17" s="1" t="s">
        <v>7</v>
      </c>
    </row>
    <row r="18" spans="2:20" x14ac:dyDescent="0.2">
      <c r="B18" s="1" t="s">
        <v>89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39">
        <v>0</v>
      </c>
      <c r="O18" s="1" t="s">
        <v>7</v>
      </c>
      <c r="P18" s="39">
        <v>0</v>
      </c>
      <c r="Q18" s="1" t="s">
        <v>7</v>
      </c>
      <c r="R18" s="38">
        <v>0</v>
      </c>
      <c r="S18" s="38">
        <v>0</v>
      </c>
      <c r="T18" s="1" t="s">
        <v>7</v>
      </c>
    </row>
    <row r="19" spans="2:20" x14ac:dyDescent="0.2">
      <c r="B19" s="1" t="s">
        <v>290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8">
        <v>0</v>
      </c>
      <c r="M19" s="38">
        <v>0</v>
      </c>
      <c r="N19" s="39">
        <v>0</v>
      </c>
      <c r="O19" s="1" t="s">
        <v>7</v>
      </c>
      <c r="P19" s="39">
        <v>0</v>
      </c>
      <c r="Q19" s="1" t="s">
        <v>7</v>
      </c>
      <c r="R19" s="38">
        <v>0</v>
      </c>
      <c r="S19" s="38">
        <v>0</v>
      </c>
      <c r="T19" s="1" t="s">
        <v>7</v>
      </c>
    </row>
    <row r="20" spans="2:20" x14ac:dyDescent="0.2">
      <c r="B20" s="1" t="s">
        <v>291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39">
        <v>0</v>
      </c>
      <c r="K20" s="1" t="s">
        <v>7</v>
      </c>
      <c r="L20" s="38">
        <v>0</v>
      </c>
      <c r="M20" s="38">
        <v>0</v>
      </c>
      <c r="N20" s="39">
        <v>0</v>
      </c>
      <c r="O20" s="1" t="s">
        <v>7</v>
      </c>
      <c r="P20" s="39">
        <v>0</v>
      </c>
      <c r="Q20" s="1" t="s">
        <v>7</v>
      </c>
      <c r="R20" s="38">
        <v>0</v>
      </c>
      <c r="S20" s="38">
        <v>0</v>
      </c>
      <c r="T20" s="1" t="s">
        <v>7</v>
      </c>
    </row>
    <row r="21" spans="2:20" x14ac:dyDescent="0.2">
      <c r="B21" s="36" t="s">
        <v>91</v>
      </c>
    </row>
    <row r="22" spans="2:20" x14ac:dyDescent="0.2">
      <c r="B22" s="36" t="s">
        <v>130</v>
      </c>
    </row>
    <row r="23" spans="2:20" x14ac:dyDescent="0.2">
      <c r="B23" s="61" t="s">
        <v>53</v>
      </c>
      <c r="C23" s="47"/>
      <c r="D23" s="47"/>
      <c r="E23" s="47"/>
      <c r="F23" s="47"/>
      <c r="G23" s="47"/>
      <c r="H23" s="47"/>
      <c r="I23" s="47"/>
      <c r="J23" s="47"/>
      <c r="K23" s="47"/>
      <c r="L23" s="47"/>
      <c r="M23" s="47"/>
      <c r="N23" s="47"/>
      <c r="O23" s="47"/>
      <c r="P23" s="47"/>
      <c r="Q23" s="47"/>
      <c r="R23" s="47"/>
      <c r="S23" s="47"/>
      <c r="T23" s="47"/>
    </row>
  </sheetData>
  <mergeCells count="1">
    <mergeCell ref="B23:T23"/>
  </mergeCell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18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12" customWidth="1"/>
    <col min="6" max="8" width="10" customWidth="1"/>
    <col min="9" max="9" width="8" customWidth="1"/>
    <col min="10" max="10" width="11" customWidth="1"/>
    <col min="11" max="11" width="22" customWidth="1"/>
    <col min="12" max="12" width="24" customWidth="1"/>
    <col min="13" max="13" width="23" customWidth="1"/>
    <col min="14" max="14" width="2" customWidth="1"/>
  </cols>
  <sheetData>
    <row r="1" spans="2:14" x14ac:dyDescent="0.2">
      <c r="B1" s="37" t="s">
        <v>0</v>
      </c>
      <c r="C1" s="37" t="s">
        <v>1</v>
      </c>
    </row>
    <row r="2" spans="2:14" x14ac:dyDescent="0.2">
      <c r="B2" s="37" t="s">
        <v>2</v>
      </c>
      <c r="C2" s="37" t="s">
        <v>3</v>
      </c>
    </row>
    <row r="3" spans="2:14" x14ac:dyDescent="0.2">
      <c r="B3" s="37" t="s">
        <v>4</v>
      </c>
      <c r="C3" s="37" t="s">
        <v>5</v>
      </c>
    </row>
    <row r="4" spans="2:14" x14ac:dyDescent="0.2">
      <c r="B4" s="37" t="s">
        <v>6</v>
      </c>
      <c r="C4" s="37">
        <v>1476</v>
      </c>
    </row>
    <row r="5" spans="2:14" x14ac:dyDescent="0.2">
      <c r="B5" s="37" t="s">
        <v>7</v>
      </c>
      <c r="C5" s="37" t="s">
        <v>7</v>
      </c>
    </row>
    <row r="6" spans="2:14" x14ac:dyDescent="0.2">
      <c r="B6" s="3" t="s">
        <v>28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</row>
    <row r="7" spans="2:14" x14ac:dyDescent="0.2">
      <c r="B7" s="3" t="s">
        <v>22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</row>
    <row r="8" spans="2:14" x14ac:dyDescent="0.2">
      <c r="B8" s="1" t="s">
        <v>55</v>
      </c>
      <c r="C8" s="1" t="s">
        <v>56</v>
      </c>
      <c r="D8" s="1" t="s">
        <v>132</v>
      </c>
      <c r="E8" s="1" t="s">
        <v>57</v>
      </c>
      <c r="F8" s="1" t="s">
        <v>133</v>
      </c>
      <c r="G8" s="1" t="s">
        <v>60</v>
      </c>
      <c r="H8" s="1" t="s">
        <v>97</v>
      </c>
      <c r="I8" s="1" t="s">
        <v>98</v>
      </c>
      <c r="J8" s="1" t="s">
        <v>9</v>
      </c>
      <c r="K8" s="1" t="s">
        <v>100</v>
      </c>
      <c r="L8" s="1" t="s">
        <v>64</v>
      </c>
      <c r="M8" s="1" t="s">
        <v>101</v>
      </c>
      <c r="N8" s="1" t="s">
        <v>7</v>
      </c>
    </row>
    <row r="9" spans="2:14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3</v>
      </c>
      <c r="I9" s="1" t="s">
        <v>104</v>
      </c>
      <c r="J9" s="1" t="s">
        <v>11</v>
      </c>
      <c r="K9" s="1" t="s">
        <v>12</v>
      </c>
      <c r="L9" s="1" t="s">
        <v>12</v>
      </c>
      <c r="M9" s="1" t="s">
        <v>12</v>
      </c>
      <c r="N9" s="1" t="s">
        <v>7</v>
      </c>
    </row>
    <row r="10" spans="2:14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7</v>
      </c>
    </row>
    <row r="11" spans="2:14" x14ac:dyDescent="0.2">
      <c r="B11" s="1" t="s">
        <v>22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9">
        <v>0</v>
      </c>
      <c r="K11" s="1" t="s">
        <v>7</v>
      </c>
      <c r="L11" s="38">
        <v>0</v>
      </c>
      <c r="M11" s="38">
        <v>0</v>
      </c>
      <c r="N11" s="1" t="s">
        <v>7</v>
      </c>
    </row>
    <row r="12" spans="2:14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9">
        <v>0</v>
      </c>
      <c r="K12" s="1" t="s">
        <v>7</v>
      </c>
      <c r="L12" s="38">
        <v>0</v>
      </c>
      <c r="M12" s="38">
        <v>0</v>
      </c>
      <c r="N12" s="1" t="s">
        <v>7</v>
      </c>
    </row>
    <row r="13" spans="2:14" x14ac:dyDescent="0.2">
      <c r="B13" s="1" t="s">
        <v>89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1" t="s">
        <v>7</v>
      </c>
    </row>
    <row r="14" spans="2:14" x14ac:dyDescent="0.2">
      <c r="B14" s="1" t="s">
        <v>141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1" t="s">
        <v>7</v>
      </c>
    </row>
    <row r="15" spans="2:14" x14ac:dyDescent="0.2">
      <c r="B15" s="1" t="s">
        <v>140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1" t="s">
        <v>7</v>
      </c>
    </row>
    <row r="16" spans="2:14" x14ac:dyDescent="0.2">
      <c r="B16" s="36" t="s">
        <v>91</v>
      </c>
    </row>
    <row r="17" spans="2:14" x14ac:dyDescent="0.2">
      <c r="B17" s="36" t="s">
        <v>130</v>
      </c>
    </row>
    <row r="18" spans="2:14" x14ac:dyDescent="0.2">
      <c r="B18" s="62" t="s">
        <v>53</v>
      </c>
      <c r="C18" s="47"/>
      <c r="D18" s="47"/>
      <c r="E18" s="47"/>
      <c r="F18" s="47"/>
      <c r="G18" s="47"/>
      <c r="H18" s="47"/>
      <c r="I18" s="47"/>
      <c r="J18" s="47"/>
      <c r="K18" s="47"/>
      <c r="L18" s="47"/>
      <c r="M18" s="47"/>
      <c r="N18" s="47"/>
    </row>
  </sheetData>
  <mergeCells count="1">
    <mergeCell ref="B18:N18"/>
  </mergeCells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30"/>
  <sheetViews>
    <sheetView rightToLeft="1" topLeftCell="A13" workbookViewId="0">
      <selection activeCell="B26" sqref="B26"/>
    </sheetView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4" customWidth="1"/>
    <col min="5" max="5" width="13" customWidth="1"/>
    <col min="6" max="6" width="10" customWidth="1"/>
    <col min="7" max="7" width="14" customWidth="1"/>
    <col min="8" max="8" width="11" customWidth="1"/>
    <col min="9" max="9" width="22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47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28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29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55</v>
      </c>
      <c r="C8" s="1" t="s">
        <v>56</v>
      </c>
      <c r="D8" s="1" t="s">
        <v>60</v>
      </c>
      <c r="E8" s="1" t="s">
        <v>95</v>
      </c>
      <c r="F8" s="1" t="s">
        <v>97</v>
      </c>
      <c r="G8" s="1" t="s">
        <v>98</v>
      </c>
      <c r="H8" s="1" t="s">
        <v>9</v>
      </c>
      <c r="I8" s="1" t="s">
        <v>100</v>
      </c>
      <c r="J8" s="1" t="s">
        <v>64</v>
      </c>
      <c r="K8" s="1" t="s">
        <v>101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144</v>
      </c>
      <c r="F9" s="1" t="s">
        <v>145</v>
      </c>
      <c r="G9" s="1" t="s">
        <v>7</v>
      </c>
      <c r="H9" s="1" t="s">
        <v>11</v>
      </c>
      <c r="I9" s="1" t="s">
        <v>12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</v>
      </c>
    </row>
    <row r="11" spans="2:12" x14ac:dyDescent="0.2">
      <c r="B11" s="1" t="s">
        <v>293</v>
      </c>
      <c r="C11" s="1" t="s">
        <v>7</v>
      </c>
      <c r="D11" s="1" t="s">
        <v>7</v>
      </c>
      <c r="E11" s="1" t="s">
        <v>7</v>
      </c>
      <c r="F11" s="39">
        <v>205.82</v>
      </c>
      <c r="G11" s="1" t="s">
        <v>7</v>
      </c>
      <c r="H11" s="39">
        <v>976.14</v>
      </c>
      <c r="I11" s="1" t="s">
        <v>7</v>
      </c>
      <c r="J11" s="38">
        <v>1</v>
      </c>
      <c r="K11" s="38">
        <v>2.7300000000000001E-2</v>
      </c>
      <c r="L11" s="1" t="s">
        <v>7</v>
      </c>
    </row>
    <row r="12" spans="2:12" x14ac:dyDescent="0.2">
      <c r="B12" s="1" t="s">
        <v>294</v>
      </c>
      <c r="C12" s="1" t="s">
        <v>7</v>
      </c>
      <c r="D12" s="1" t="s">
        <v>7</v>
      </c>
      <c r="E12" s="1" t="s">
        <v>7</v>
      </c>
      <c r="F12" s="39">
        <v>84.35</v>
      </c>
      <c r="G12" s="1" t="s">
        <v>7</v>
      </c>
      <c r="H12" s="39">
        <v>440.69</v>
      </c>
      <c r="I12" s="1" t="s">
        <v>7</v>
      </c>
      <c r="J12" s="38">
        <v>0.45150000000000001</v>
      </c>
      <c r="K12" s="38">
        <v>1.23E-2</v>
      </c>
      <c r="L12" s="1" t="s">
        <v>7</v>
      </c>
    </row>
    <row r="13" spans="2:12" x14ac:dyDescent="0.2">
      <c r="B13" s="1" t="s">
        <v>295</v>
      </c>
      <c r="C13" s="1" t="s">
        <v>7</v>
      </c>
      <c r="D13" s="1" t="s">
        <v>7</v>
      </c>
      <c r="E13" s="1" t="s">
        <v>7</v>
      </c>
      <c r="F13" s="39">
        <v>0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</row>
    <row r="14" spans="2:12" x14ac:dyDescent="0.2">
      <c r="B14" s="1" t="s">
        <v>296</v>
      </c>
      <c r="C14" s="1" t="s">
        <v>7</v>
      </c>
      <c r="D14" s="1" t="s">
        <v>7</v>
      </c>
      <c r="E14" s="1" t="s">
        <v>7</v>
      </c>
      <c r="F14" s="39">
        <v>70.38</v>
      </c>
      <c r="G14" s="1" t="s">
        <v>7</v>
      </c>
      <c r="H14" s="39">
        <v>282.52</v>
      </c>
      <c r="I14" s="1" t="s">
        <v>7</v>
      </c>
      <c r="J14" s="38">
        <v>0.28939999999999999</v>
      </c>
      <c r="K14" s="38">
        <v>7.9000000000000008E-3</v>
      </c>
      <c r="L14" s="1" t="s">
        <v>7</v>
      </c>
    </row>
    <row r="15" spans="2:12" x14ac:dyDescent="0.2">
      <c r="B15" s="40" t="s">
        <v>297</v>
      </c>
      <c r="C15" s="41">
        <v>62010327</v>
      </c>
      <c r="D15" s="40" t="s">
        <v>49</v>
      </c>
      <c r="E15" s="40" t="s">
        <v>298</v>
      </c>
      <c r="F15" s="43">
        <v>69.38</v>
      </c>
      <c r="G15" s="43">
        <v>130927.72</v>
      </c>
      <c r="H15" s="43">
        <v>282.5</v>
      </c>
      <c r="I15" s="42">
        <v>0</v>
      </c>
      <c r="J15" s="42">
        <v>0.28939999999999999</v>
      </c>
      <c r="K15" s="42">
        <v>7.9000000000000008E-3</v>
      </c>
      <c r="L15" s="40" t="s">
        <v>7</v>
      </c>
    </row>
    <row r="16" spans="2:12" x14ac:dyDescent="0.2">
      <c r="B16" s="40" t="s">
        <v>299</v>
      </c>
      <c r="C16" s="41">
        <v>62011770</v>
      </c>
      <c r="D16" s="40" t="s">
        <v>49</v>
      </c>
      <c r="E16" s="40" t="s">
        <v>300</v>
      </c>
      <c r="F16" s="43">
        <v>1</v>
      </c>
      <c r="G16" s="43">
        <v>500</v>
      </c>
      <c r="H16" s="43">
        <v>0.02</v>
      </c>
      <c r="I16" s="42">
        <v>0</v>
      </c>
      <c r="J16" s="42">
        <v>0</v>
      </c>
      <c r="K16" s="42">
        <v>0</v>
      </c>
      <c r="L16" s="40" t="s">
        <v>7</v>
      </c>
    </row>
    <row r="17" spans="2:12" x14ac:dyDescent="0.2">
      <c r="B17" s="1" t="s">
        <v>301</v>
      </c>
      <c r="C17" s="1" t="s">
        <v>7</v>
      </c>
      <c r="D17" s="1" t="s">
        <v>7</v>
      </c>
      <c r="E17" s="1" t="s">
        <v>7</v>
      </c>
      <c r="F17" s="39">
        <v>13.97</v>
      </c>
      <c r="G17" s="1" t="s">
        <v>7</v>
      </c>
      <c r="H17" s="39">
        <v>158.16999999999999</v>
      </c>
      <c r="I17" s="1" t="s">
        <v>7</v>
      </c>
      <c r="J17" s="38">
        <v>0.16200000000000001</v>
      </c>
      <c r="K17" s="38">
        <v>4.4000000000000003E-3</v>
      </c>
      <c r="L17" s="1" t="s">
        <v>7</v>
      </c>
    </row>
    <row r="18" spans="2:12" x14ac:dyDescent="0.2">
      <c r="B18" s="40" t="s">
        <v>302</v>
      </c>
      <c r="C18" s="41">
        <v>50001080</v>
      </c>
      <c r="D18" s="40" t="s">
        <v>80</v>
      </c>
      <c r="E18" s="40" t="s">
        <v>303</v>
      </c>
      <c r="F18" s="43">
        <v>13.97</v>
      </c>
      <c r="G18" s="43">
        <v>1132225.8799999999</v>
      </c>
      <c r="H18" s="43">
        <v>158.16999999999999</v>
      </c>
      <c r="I18" s="42">
        <v>0</v>
      </c>
      <c r="J18" s="42">
        <v>0.16200000000000001</v>
      </c>
      <c r="K18" s="42">
        <v>4.4000000000000003E-3</v>
      </c>
      <c r="L18" s="40" t="s">
        <v>7</v>
      </c>
    </row>
    <row r="19" spans="2:12" x14ac:dyDescent="0.2">
      <c r="B19" s="1" t="s">
        <v>304</v>
      </c>
      <c r="C19" s="1" t="s">
        <v>7</v>
      </c>
      <c r="D19" s="1" t="s">
        <v>7</v>
      </c>
      <c r="E19" s="1" t="s">
        <v>7</v>
      </c>
      <c r="F19" s="39">
        <v>0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1" t="s">
        <v>7</v>
      </c>
    </row>
    <row r="20" spans="2:12" x14ac:dyDescent="0.2">
      <c r="B20" s="1" t="s">
        <v>305</v>
      </c>
      <c r="C20" s="1" t="s">
        <v>7</v>
      </c>
      <c r="D20" s="1" t="s">
        <v>7</v>
      </c>
      <c r="E20" s="1" t="s">
        <v>7</v>
      </c>
      <c r="F20" s="39">
        <v>121.47</v>
      </c>
      <c r="G20" s="1" t="s">
        <v>7</v>
      </c>
      <c r="H20" s="39">
        <v>535.45000000000005</v>
      </c>
      <c r="I20" s="1" t="s">
        <v>7</v>
      </c>
      <c r="J20" s="38">
        <v>0.54849999999999999</v>
      </c>
      <c r="K20" s="38">
        <v>1.49E-2</v>
      </c>
      <c r="L20" s="1" t="s">
        <v>7</v>
      </c>
    </row>
    <row r="21" spans="2:12" x14ac:dyDescent="0.2">
      <c r="B21" s="1" t="s">
        <v>295</v>
      </c>
      <c r="C21" s="1" t="s">
        <v>7</v>
      </c>
      <c r="D21" s="1" t="s">
        <v>7</v>
      </c>
      <c r="E21" s="1" t="s">
        <v>7</v>
      </c>
      <c r="F21" s="39">
        <v>0</v>
      </c>
      <c r="G21" s="1" t="s">
        <v>7</v>
      </c>
      <c r="H21" s="39">
        <v>0</v>
      </c>
      <c r="I21" s="1" t="s">
        <v>7</v>
      </c>
      <c r="J21" s="38">
        <v>0</v>
      </c>
      <c r="K21" s="38">
        <v>0</v>
      </c>
      <c r="L21" s="1" t="s">
        <v>7</v>
      </c>
    </row>
    <row r="22" spans="2:12" x14ac:dyDescent="0.2">
      <c r="B22" s="1" t="s">
        <v>296</v>
      </c>
      <c r="C22" s="1" t="s">
        <v>7</v>
      </c>
      <c r="D22" s="1" t="s">
        <v>7</v>
      </c>
      <c r="E22" s="1" t="s">
        <v>7</v>
      </c>
      <c r="F22" s="39">
        <v>121.47</v>
      </c>
      <c r="G22" s="1" t="s">
        <v>7</v>
      </c>
      <c r="H22" s="39">
        <v>535.45000000000005</v>
      </c>
      <c r="I22" s="1" t="s">
        <v>7</v>
      </c>
      <c r="J22" s="38">
        <v>0.54849999999999999</v>
      </c>
      <c r="K22" s="38">
        <v>1.49E-2</v>
      </c>
      <c r="L22" s="1" t="s">
        <v>7</v>
      </c>
    </row>
    <row r="23" spans="2:12" x14ac:dyDescent="0.2">
      <c r="B23" s="40" t="s">
        <v>306</v>
      </c>
      <c r="C23" s="41">
        <v>62011226</v>
      </c>
      <c r="D23" s="40" t="s">
        <v>49</v>
      </c>
      <c r="E23" s="40" t="s">
        <v>307</v>
      </c>
      <c r="F23" s="43">
        <v>10.119999999999999</v>
      </c>
      <c r="G23" s="43">
        <v>112432.75</v>
      </c>
      <c r="H23" s="43">
        <v>35.39</v>
      </c>
      <c r="I23" s="42">
        <v>0</v>
      </c>
      <c r="J23" s="42">
        <v>3.6200000000000003E-2</v>
      </c>
      <c r="K23" s="42">
        <v>1E-3</v>
      </c>
      <c r="L23" s="40" t="s">
        <v>7</v>
      </c>
    </row>
    <row r="24" spans="2:12" x14ac:dyDescent="0.2">
      <c r="B24" s="40" t="s">
        <v>384</v>
      </c>
      <c r="C24" s="41">
        <v>60416153</v>
      </c>
      <c r="D24" s="40" t="s">
        <v>49</v>
      </c>
      <c r="E24" s="40" t="s">
        <v>308</v>
      </c>
      <c r="F24" s="43">
        <v>43.34</v>
      </c>
      <c r="G24" s="43">
        <v>160990.59</v>
      </c>
      <c r="H24" s="43">
        <v>216.99</v>
      </c>
      <c r="I24" s="42">
        <v>0</v>
      </c>
      <c r="J24" s="42">
        <v>0.2223</v>
      </c>
      <c r="K24" s="42">
        <v>6.1000000000000004E-3</v>
      </c>
      <c r="L24" s="40" t="s">
        <v>7</v>
      </c>
    </row>
    <row r="25" spans="2:12" x14ac:dyDescent="0.2">
      <c r="B25" s="40" t="s">
        <v>385</v>
      </c>
      <c r="C25" s="41">
        <v>62010699</v>
      </c>
      <c r="D25" s="40" t="s">
        <v>49</v>
      </c>
      <c r="E25" s="40" t="s">
        <v>309</v>
      </c>
      <c r="F25" s="43">
        <v>68.010000000000005</v>
      </c>
      <c r="G25" s="43">
        <v>133831.15</v>
      </c>
      <c r="H25" s="43">
        <v>283.07</v>
      </c>
      <c r="I25" s="42">
        <v>0</v>
      </c>
      <c r="J25" s="42">
        <v>0.28999999999999998</v>
      </c>
      <c r="K25" s="42">
        <v>7.9000000000000008E-3</v>
      </c>
      <c r="L25" s="40" t="s">
        <v>7</v>
      </c>
    </row>
    <row r="26" spans="2:12" x14ac:dyDescent="0.2">
      <c r="B26" s="1" t="s">
        <v>301</v>
      </c>
      <c r="C26" s="1" t="s">
        <v>7</v>
      </c>
      <c r="D26" s="1" t="s">
        <v>7</v>
      </c>
      <c r="E26" s="1" t="s">
        <v>7</v>
      </c>
      <c r="F26" s="39">
        <v>0</v>
      </c>
      <c r="G26" s="1" t="s">
        <v>7</v>
      </c>
      <c r="H26" s="39">
        <v>0</v>
      </c>
      <c r="I26" s="1" t="s">
        <v>7</v>
      </c>
      <c r="J26" s="38">
        <v>0</v>
      </c>
      <c r="K26" s="38">
        <v>0</v>
      </c>
      <c r="L26" s="1" t="s">
        <v>7</v>
      </c>
    </row>
    <row r="27" spans="2:12" x14ac:dyDescent="0.2">
      <c r="B27" s="1" t="s">
        <v>304</v>
      </c>
      <c r="C27" s="1" t="s">
        <v>7</v>
      </c>
      <c r="D27" s="1" t="s">
        <v>7</v>
      </c>
      <c r="E27" s="1" t="s">
        <v>7</v>
      </c>
      <c r="F27" s="39">
        <v>0</v>
      </c>
      <c r="G27" s="1" t="s">
        <v>7</v>
      </c>
      <c r="H27" s="39">
        <v>0</v>
      </c>
      <c r="I27" s="1" t="s">
        <v>7</v>
      </c>
      <c r="J27" s="38">
        <v>0</v>
      </c>
      <c r="K27" s="38">
        <v>0</v>
      </c>
      <c r="L27" s="1" t="s">
        <v>7</v>
      </c>
    </row>
    <row r="28" spans="2:12" x14ac:dyDescent="0.2">
      <c r="B28" s="36" t="s">
        <v>91</v>
      </c>
    </row>
    <row r="29" spans="2:12" x14ac:dyDescent="0.2">
      <c r="B29" s="36" t="s">
        <v>130</v>
      </c>
    </row>
    <row r="30" spans="2:12" x14ac:dyDescent="0.2">
      <c r="B30" s="63" t="s">
        <v>53</v>
      </c>
      <c r="C30" s="47"/>
      <c r="D30" s="47"/>
      <c r="E30" s="47"/>
      <c r="F30" s="47"/>
      <c r="G30" s="47"/>
      <c r="H30" s="47"/>
      <c r="I30" s="47"/>
      <c r="J30" s="47"/>
      <c r="K30" s="47"/>
      <c r="L30" s="47"/>
    </row>
  </sheetData>
  <mergeCells count="1">
    <mergeCell ref="B30:L30"/>
  </mergeCells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6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8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147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28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310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55</v>
      </c>
      <c r="C8" s="1" t="s">
        <v>56</v>
      </c>
      <c r="D8" s="1" t="s">
        <v>133</v>
      </c>
      <c r="E8" s="1" t="s">
        <v>60</v>
      </c>
      <c r="F8" s="1" t="s">
        <v>95</v>
      </c>
      <c r="G8" s="1" t="s">
        <v>97</v>
      </c>
      <c r="H8" s="1" t="s">
        <v>98</v>
      </c>
      <c r="I8" s="1" t="s">
        <v>9</v>
      </c>
      <c r="J8" s="1" t="s">
        <v>100</v>
      </c>
      <c r="K8" s="1" t="s">
        <v>64</v>
      </c>
      <c r="L8" s="1" t="s">
        <v>101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3</v>
      </c>
      <c r="H9" s="1" t="s">
        <v>104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7</v>
      </c>
    </row>
    <row r="11" spans="2:13" x14ac:dyDescent="0.2">
      <c r="B11" s="1" t="s">
        <v>26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31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31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36" t="s">
        <v>91</v>
      </c>
    </row>
    <row r="15" spans="2:13" x14ac:dyDescent="0.2">
      <c r="B15" s="36" t="s">
        <v>130</v>
      </c>
    </row>
    <row r="16" spans="2:13" x14ac:dyDescent="0.2">
      <c r="B16" s="64" t="s">
        <v>53</v>
      </c>
      <c r="C16" s="47"/>
      <c r="D16" s="47"/>
      <c r="E16" s="47"/>
      <c r="F16" s="47"/>
      <c r="G16" s="47"/>
      <c r="H16" s="47"/>
      <c r="I16" s="47"/>
      <c r="J16" s="47"/>
      <c r="K16" s="47"/>
      <c r="L16" s="47"/>
      <c r="M16" s="47"/>
    </row>
  </sheetData>
  <mergeCells count="1">
    <mergeCell ref="B16:M16"/>
  </mergeCells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6"/>
  <sheetViews>
    <sheetView rightToLeft="1" topLeftCell="A13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5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147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28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31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55</v>
      </c>
      <c r="C8" s="1" t="s">
        <v>56</v>
      </c>
      <c r="D8" s="1" t="s">
        <v>133</v>
      </c>
      <c r="E8" s="1" t="s">
        <v>60</v>
      </c>
      <c r="F8" s="1" t="s">
        <v>95</v>
      </c>
      <c r="G8" s="1" t="s">
        <v>97</v>
      </c>
      <c r="H8" s="1" t="s">
        <v>98</v>
      </c>
      <c r="I8" s="1" t="s">
        <v>9</v>
      </c>
      <c r="J8" s="1" t="s">
        <v>100</v>
      </c>
      <c r="K8" s="1" t="s">
        <v>64</v>
      </c>
      <c r="L8" s="1" t="s">
        <v>101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44</v>
      </c>
      <c r="G9" s="1" t="s">
        <v>145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7</v>
      </c>
    </row>
    <row r="11" spans="2:13" x14ac:dyDescent="0.2">
      <c r="B11" s="1" t="s">
        <v>26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31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266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31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38">
        <v>0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316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38">
        <v>0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268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38">
        <v>0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24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38">
        <v>0</v>
      </c>
      <c r="K17" s="38">
        <v>0</v>
      </c>
      <c r="L17" s="38">
        <v>0</v>
      </c>
      <c r="M17" s="1" t="s">
        <v>7</v>
      </c>
    </row>
    <row r="18" spans="2:13" x14ac:dyDescent="0.2">
      <c r="B18" s="1" t="s">
        <v>317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38">
        <v>0</v>
      </c>
      <c r="K18" s="38">
        <v>0</v>
      </c>
      <c r="L18" s="38">
        <v>0</v>
      </c>
      <c r="M18" s="1" t="s">
        <v>7</v>
      </c>
    </row>
    <row r="19" spans="2:13" x14ac:dyDescent="0.2">
      <c r="B19" s="1" t="s">
        <v>266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39">
        <v>0</v>
      </c>
      <c r="J19" s="38">
        <v>0</v>
      </c>
      <c r="K19" s="38">
        <v>0</v>
      </c>
      <c r="L19" s="38">
        <v>0</v>
      </c>
      <c r="M19" s="1" t="s">
        <v>7</v>
      </c>
    </row>
    <row r="20" spans="2:13" x14ac:dyDescent="0.2">
      <c r="B20" s="1" t="s">
        <v>269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38">
        <v>0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268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38">
        <v>0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270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38">
        <v>0</v>
      </c>
      <c r="K22" s="38">
        <v>0</v>
      </c>
      <c r="L22" s="38">
        <v>0</v>
      </c>
      <c r="M22" s="1" t="s">
        <v>7</v>
      </c>
    </row>
    <row r="23" spans="2:13" x14ac:dyDescent="0.2">
      <c r="B23" s="1" t="s">
        <v>247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38">
        <v>0</v>
      </c>
      <c r="K23" s="38">
        <v>0</v>
      </c>
      <c r="L23" s="38">
        <v>0</v>
      </c>
      <c r="M23" s="1" t="s">
        <v>7</v>
      </c>
    </row>
    <row r="24" spans="2:13" x14ac:dyDescent="0.2">
      <c r="B24" s="36" t="s">
        <v>91</v>
      </c>
    </row>
    <row r="25" spans="2:13" x14ac:dyDescent="0.2">
      <c r="B25" s="36" t="s">
        <v>130</v>
      </c>
    </row>
    <row r="26" spans="2:13" x14ac:dyDescent="0.2">
      <c r="B26" s="65" t="s">
        <v>53</v>
      </c>
      <c r="C26" s="47"/>
      <c r="D26" s="47"/>
      <c r="E26" s="47"/>
      <c r="F26" s="47"/>
      <c r="G26" s="47"/>
      <c r="H26" s="47"/>
      <c r="I26" s="47"/>
      <c r="J26" s="47"/>
      <c r="K26" s="47"/>
      <c r="L26" s="47"/>
      <c r="M26" s="47"/>
    </row>
  </sheetData>
  <mergeCells count="1">
    <mergeCell ref="B26:M26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7"/>
  <sheetViews>
    <sheetView rightToLeft="1" workbookViewId="0"/>
  </sheetViews>
  <sheetFormatPr defaultRowHeight="14.25" x14ac:dyDescent="0.2"/>
  <cols>
    <col min="1" max="1" width="3" customWidth="1"/>
    <col min="2" max="2" width="40" customWidth="1"/>
    <col min="3" max="4" width="12" customWidth="1"/>
    <col min="5" max="5" width="7" customWidth="1"/>
    <col min="6" max="6" width="11" customWidth="1"/>
    <col min="7" max="7" width="14" customWidth="1"/>
    <col min="8" max="8" width="13" customWidth="1"/>
    <col min="9" max="9" width="15" customWidth="1"/>
    <col min="10" max="10" width="10" customWidth="1"/>
    <col min="11" max="11" width="24" customWidth="1"/>
    <col min="12" max="12" width="2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47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54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55</v>
      </c>
      <c r="C7" s="1" t="s">
        <v>56</v>
      </c>
      <c r="D7" s="1" t="s">
        <v>57</v>
      </c>
      <c r="E7" s="1" t="s">
        <v>58</v>
      </c>
      <c r="F7" s="1" t="s">
        <v>59</v>
      </c>
      <c r="G7" s="1" t="s">
        <v>60</v>
      </c>
      <c r="H7" s="1" t="s">
        <v>61</v>
      </c>
      <c r="I7" s="1" t="s">
        <v>62</v>
      </c>
      <c r="J7" s="1" t="s">
        <v>63</v>
      </c>
      <c r="K7" s="1" t="s">
        <v>64</v>
      </c>
      <c r="L7" s="1" t="s">
        <v>65</v>
      </c>
    </row>
    <row r="8" spans="2:12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7</v>
      </c>
      <c r="H8" s="1" t="s">
        <v>12</v>
      </c>
      <c r="I8" s="1" t="s">
        <v>12</v>
      </c>
      <c r="J8" s="1" t="s">
        <v>11</v>
      </c>
      <c r="K8" s="1" t="s">
        <v>12</v>
      </c>
      <c r="L8" s="1" t="s">
        <v>12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</row>
    <row r="10" spans="2:12" x14ac:dyDescent="0.2">
      <c r="B10" s="1" t="s">
        <v>74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8">
        <v>1E-4</v>
      </c>
      <c r="I10" s="38">
        <v>0</v>
      </c>
      <c r="J10" s="39">
        <v>685.19</v>
      </c>
      <c r="K10" s="38">
        <v>1</v>
      </c>
      <c r="L10" s="38">
        <v>1.9099999999999999E-2</v>
      </c>
    </row>
    <row r="11" spans="2:12" x14ac:dyDescent="0.2">
      <c r="B11" s="1" t="s">
        <v>7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8">
        <v>1E-4</v>
      </c>
      <c r="I11" s="38">
        <v>0</v>
      </c>
      <c r="J11" s="39">
        <v>685.19</v>
      </c>
      <c r="K11" s="38">
        <v>1</v>
      </c>
      <c r="L11" s="38">
        <v>1.9099999999999999E-2</v>
      </c>
    </row>
    <row r="12" spans="2:12" x14ac:dyDescent="0.2">
      <c r="B12" s="1" t="s">
        <v>76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</row>
    <row r="13" spans="2:12" x14ac:dyDescent="0.2">
      <c r="B13" s="40" t="s">
        <v>77</v>
      </c>
      <c r="C13" s="41">
        <v>111111111</v>
      </c>
      <c r="D13" s="41">
        <v>512199381</v>
      </c>
      <c r="E13" s="40" t="s">
        <v>78</v>
      </c>
      <c r="F13" s="40" t="s">
        <v>79</v>
      </c>
      <c r="G13" s="40" t="s">
        <v>80</v>
      </c>
      <c r="H13" s="42">
        <v>0</v>
      </c>
      <c r="I13" s="42">
        <v>0</v>
      </c>
      <c r="J13" s="43">
        <v>0</v>
      </c>
      <c r="K13" s="42">
        <v>0</v>
      </c>
      <c r="L13" s="42">
        <v>0</v>
      </c>
    </row>
    <row r="14" spans="2:12" x14ac:dyDescent="0.2">
      <c r="B14" s="1" t="s">
        <v>81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1" t="s">
        <v>7</v>
      </c>
      <c r="L14" s="1" t="s">
        <v>7</v>
      </c>
    </row>
    <row r="15" spans="2:12" x14ac:dyDescent="0.2">
      <c r="B15" s="40" t="s">
        <v>82</v>
      </c>
      <c r="C15" s="41">
        <v>110002987</v>
      </c>
      <c r="D15" s="41">
        <v>512199381</v>
      </c>
      <c r="E15" s="40" t="s">
        <v>78</v>
      </c>
      <c r="F15" s="40" t="s">
        <v>79</v>
      </c>
      <c r="G15" s="40" t="s">
        <v>51</v>
      </c>
      <c r="H15" s="42">
        <v>0</v>
      </c>
      <c r="I15" s="42">
        <v>0</v>
      </c>
      <c r="J15" s="43">
        <v>0.02</v>
      </c>
      <c r="K15" s="42">
        <v>0</v>
      </c>
      <c r="L15" s="42">
        <v>0</v>
      </c>
    </row>
    <row r="16" spans="2:12" x14ac:dyDescent="0.2">
      <c r="B16" s="40" t="s">
        <v>83</v>
      </c>
      <c r="C16" s="41">
        <v>110002805</v>
      </c>
      <c r="D16" s="41">
        <v>512199381</v>
      </c>
      <c r="E16" s="40" t="s">
        <v>78</v>
      </c>
      <c r="F16" s="40" t="s">
        <v>79</v>
      </c>
      <c r="G16" s="40" t="s">
        <v>49</v>
      </c>
      <c r="H16" s="42">
        <v>0</v>
      </c>
      <c r="I16" s="42">
        <v>0</v>
      </c>
      <c r="J16" s="43">
        <v>62.7</v>
      </c>
      <c r="K16" s="42">
        <v>9.1499999999999998E-2</v>
      </c>
      <c r="L16" s="42">
        <v>1.6999999999999999E-3</v>
      </c>
    </row>
    <row r="17" spans="2:12" x14ac:dyDescent="0.2">
      <c r="B17" s="1" t="s">
        <v>84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</row>
    <row r="18" spans="2:12" x14ac:dyDescent="0.2">
      <c r="B18" s="40" t="s">
        <v>77</v>
      </c>
      <c r="C18" s="41">
        <v>111111222</v>
      </c>
      <c r="D18" s="41">
        <v>512199381</v>
      </c>
      <c r="E18" s="40" t="s">
        <v>78</v>
      </c>
      <c r="F18" s="40" t="s">
        <v>79</v>
      </c>
      <c r="G18" s="40" t="s">
        <v>80</v>
      </c>
      <c r="H18" s="42">
        <v>1E-4</v>
      </c>
      <c r="I18" s="42">
        <v>0</v>
      </c>
      <c r="J18" s="43">
        <v>622.47</v>
      </c>
      <c r="K18" s="42">
        <v>0.90849999999999997</v>
      </c>
      <c r="L18" s="42">
        <v>1.7399999999999999E-2</v>
      </c>
    </row>
    <row r="19" spans="2:12" x14ac:dyDescent="0.2">
      <c r="B19" s="1" t="s">
        <v>85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1" t="s">
        <v>7</v>
      </c>
      <c r="L19" s="1" t="s">
        <v>7</v>
      </c>
    </row>
    <row r="20" spans="2:12" x14ac:dyDescent="0.2">
      <c r="B20" s="1" t="s">
        <v>86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1" t="s">
        <v>7</v>
      </c>
      <c r="K20" s="1" t="s">
        <v>7</v>
      </c>
      <c r="L20" s="1" t="s">
        <v>7</v>
      </c>
    </row>
    <row r="21" spans="2:12" x14ac:dyDescent="0.2">
      <c r="B21" s="1" t="s">
        <v>87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1" t="s">
        <v>7</v>
      </c>
      <c r="J21" s="1" t="s">
        <v>7</v>
      </c>
      <c r="K21" s="1" t="s">
        <v>7</v>
      </c>
      <c r="L21" s="1" t="s">
        <v>7</v>
      </c>
    </row>
    <row r="22" spans="2:12" x14ac:dyDescent="0.2">
      <c r="B22" s="1" t="s">
        <v>88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1" t="s">
        <v>7</v>
      </c>
      <c r="J22" s="1" t="s">
        <v>7</v>
      </c>
      <c r="K22" s="1" t="s">
        <v>7</v>
      </c>
      <c r="L22" s="1" t="s">
        <v>7</v>
      </c>
    </row>
    <row r="23" spans="2:12" x14ac:dyDescent="0.2">
      <c r="B23" s="1" t="s">
        <v>89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38">
        <v>0</v>
      </c>
      <c r="I23" s="38">
        <v>0</v>
      </c>
      <c r="J23" s="39">
        <v>0</v>
      </c>
      <c r="K23" s="38">
        <v>0</v>
      </c>
      <c r="L23" s="38">
        <v>0</v>
      </c>
    </row>
    <row r="24" spans="2:12" x14ac:dyDescent="0.2">
      <c r="B24" s="1" t="s">
        <v>90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1" t="s">
        <v>7</v>
      </c>
      <c r="J24" s="1" t="s">
        <v>7</v>
      </c>
      <c r="K24" s="1" t="s">
        <v>7</v>
      </c>
      <c r="L24" s="1" t="s">
        <v>7</v>
      </c>
    </row>
    <row r="25" spans="2:12" x14ac:dyDescent="0.2">
      <c r="B25" s="1" t="s">
        <v>88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1" t="s">
        <v>7</v>
      </c>
      <c r="I25" s="1" t="s">
        <v>7</v>
      </c>
      <c r="J25" s="1" t="s">
        <v>7</v>
      </c>
      <c r="K25" s="1" t="s">
        <v>7</v>
      </c>
      <c r="L25" s="1" t="s">
        <v>7</v>
      </c>
    </row>
    <row r="26" spans="2:12" x14ac:dyDescent="0.2">
      <c r="B26" s="36" t="s">
        <v>91</v>
      </c>
    </row>
    <row r="27" spans="2:12" x14ac:dyDescent="0.2">
      <c r="B27" s="48" t="s">
        <v>53</v>
      </c>
      <c r="C27" s="47"/>
      <c r="D27" s="47"/>
      <c r="E27" s="47"/>
      <c r="F27" s="47"/>
      <c r="G27" s="47"/>
      <c r="H27" s="47"/>
      <c r="I27" s="47"/>
      <c r="J27" s="47"/>
      <c r="K27" s="47"/>
      <c r="L27" s="47"/>
    </row>
  </sheetData>
  <mergeCells count="1">
    <mergeCell ref="B27:L27"/>
  </mergeCells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5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8" customWidth="1"/>
    <col min="9" max="9" width="11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47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28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31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55</v>
      </c>
      <c r="C8" s="1" t="s">
        <v>56</v>
      </c>
      <c r="D8" s="1" t="s">
        <v>133</v>
      </c>
      <c r="E8" s="1" t="s">
        <v>60</v>
      </c>
      <c r="F8" s="1" t="s">
        <v>95</v>
      </c>
      <c r="G8" s="1" t="s">
        <v>97</v>
      </c>
      <c r="H8" s="1" t="s">
        <v>98</v>
      </c>
      <c r="I8" s="1" t="s">
        <v>9</v>
      </c>
      <c r="J8" s="1" t="s">
        <v>64</v>
      </c>
      <c r="K8" s="1" t="s">
        <v>101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3</v>
      </c>
      <c r="H9" s="1" t="s">
        <v>104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</v>
      </c>
    </row>
    <row r="11" spans="2:12" x14ac:dyDescent="0.2">
      <c r="B11" s="1" t="s">
        <v>27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1" t="s">
        <v>7</v>
      </c>
    </row>
    <row r="12" spans="2:12" x14ac:dyDescent="0.2">
      <c r="B12" s="1" t="s">
        <v>31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1" t="s">
        <v>7</v>
      </c>
    </row>
    <row r="13" spans="2:12" x14ac:dyDescent="0.2">
      <c r="B13" s="1" t="s">
        <v>266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1" t="s">
        <v>7</v>
      </c>
    </row>
    <row r="14" spans="2:12" x14ac:dyDescent="0.2">
      <c r="B14" s="1" t="s">
        <v>31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38">
        <v>0</v>
      </c>
      <c r="K14" s="38">
        <v>0</v>
      </c>
      <c r="L14" s="1" t="s">
        <v>7</v>
      </c>
    </row>
    <row r="15" spans="2:12" x14ac:dyDescent="0.2">
      <c r="B15" s="1" t="s">
        <v>316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38">
        <v>0</v>
      </c>
      <c r="K15" s="38">
        <v>0</v>
      </c>
      <c r="L15" s="1" t="s">
        <v>7</v>
      </c>
    </row>
    <row r="16" spans="2:12" x14ac:dyDescent="0.2">
      <c r="B16" s="1" t="s">
        <v>268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38">
        <v>0</v>
      </c>
      <c r="K16" s="38">
        <v>0</v>
      </c>
      <c r="L16" s="1" t="s">
        <v>7</v>
      </c>
    </row>
    <row r="17" spans="2:12" x14ac:dyDescent="0.2">
      <c r="B17" s="1" t="s">
        <v>24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38">
        <v>0</v>
      </c>
      <c r="K17" s="38">
        <v>0</v>
      </c>
      <c r="L17" s="1" t="s">
        <v>7</v>
      </c>
    </row>
    <row r="18" spans="2:12" x14ac:dyDescent="0.2">
      <c r="B18" s="1" t="s">
        <v>320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38">
        <v>0</v>
      </c>
      <c r="K18" s="38">
        <v>0</v>
      </c>
      <c r="L18" s="1" t="s">
        <v>7</v>
      </c>
    </row>
    <row r="19" spans="2:12" x14ac:dyDescent="0.2">
      <c r="B19" s="1" t="s">
        <v>266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39">
        <v>0</v>
      </c>
      <c r="J19" s="38">
        <v>0</v>
      </c>
      <c r="K19" s="38">
        <v>0</v>
      </c>
      <c r="L19" s="1" t="s">
        <v>7</v>
      </c>
    </row>
    <row r="20" spans="2:12" x14ac:dyDescent="0.2">
      <c r="B20" s="1" t="s">
        <v>269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38">
        <v>0</v>
      </c>
      <c r="K20" s="38">
        <v>0</v>
      </c>
      <c r="L20" s="1" t="s">
        <v>7</v>
      </c>
    </row>
    <row r="21" spans="2:12" x14ac:dyDescent="0.2">
      <c r="B21" s="1" t="s">
        <v>268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38">
        <v>0</v>
      </c>
      <c r="K21" s="38">
        <v>0</v>
      </c>
      <c r="L21" s="1" t="s">
        <v>7</v>
      </c>
    </row>
    <row r="22" spans="2:12" x14ac:dyDescent="0.2">
      <c r="B22" s="1" t="s">
        <v>247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38">
        <v>0</v>
      </c>
      <c r="K22" s="38">
        <v>0</v>
      </c>
      <c r="L22" s="1" t="s">
        <v>7</v>
      </c>
    </row>
    <row r="23" spans="2:12" x14ac:dyDescent="0.2">
      <c r="B23" s="36" t="s">
        <v>91</v>
      </c>
    </row>
    <row r="24" spans="2:12" x14ac:dyDescent="0.2">
      <c r="B24" s="36" t="s">
        <v>130</v>
      </c>
    </row>
    <row r="25" spans="2:12" x14ac:dyDescent="0.2">
      <c r="B25" s="66" t="s">
        <v>53</v>
      </c>
      <c r="C25" s="47"/>
      <c r="D25" s="47"/>
      <c r="E25" s="47"/>
      <c r="F25" s="47"/>
      <c r="G25" s="47"/>
      <c r="H25" s="47"/>
      <c r="I25" s="47"/>
      <c r="J25" s="47"/>
      <c r="K25" s="47"/>
      <c r="L25" s="47"/>
    </row>
  </sheetData>
  <mergeCells count="1">
    <mergeCell ref="B25:L25"/>
  </mergeCells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2"/>
  <sheetViews>
    <sheetView rightToLeft="1" topLeftCell="A13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1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1476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28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32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55</v>
      </c>
      <c r="C8" s="1" t="s">
        <v>56</v>
      </c>
      <c r="D8" s="1" t="s">
        <v>274</v>
      </c>
      <c r="E8" s="1" t="s">
        <v>58</v>
      </c>
      <c r="F8" s="1" t="s">
        <v>59</v>
      </c>
      <c r="G8" s="1" t="s">
        <v>95</v>
      </c>
      <c r="H8" s="1" t="s">
        <v>96</v>
      </c>
      <c r="I8" s="1" t="s">
        <v>60</v>
      </c>
      <c r="J8" s="1" t="s">
        <v>61</v>
      </c>
      <c r="K8" s="1" t="s">
        <v>62</v>
      </c>
      <c r="L8" s="1" t="s">
        <v>97</v>
      </c>
      <c r="M8" s="1" t="s">
        <v>98</v>
      </c>
      <c r="N8" s="1" t="s">
        <v>9</v>
      </c>
      <c r="O8" s="1" t="s">
        <v>100</v>
      </c>
      <c r="P8" s="1" t="s">
        <v>64</v>
      </c>
      <c r="Q8" s="1" t="s">
        <v>101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44</v>
      </c>
      <c r="H9" s="1" t="s">
        <v>102</v>
      </c>
      <c r="I9" s="1" t="s">
        <v>7</v>
      </c>
      <c r="J9" s="1" t="s">
        <v>12</v>
      </c>
      <c r="K9" s="1" t="s">
        <v>12</v>
      </c>
      <c r="L9" s="1" t="s">
        <v>103</v>
      </c>
      <c r="M9" s="1" t="s">
        <v>104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108</v>
      </c>
      <c r="Q10" s="1" t="s">
        <v>109</v>
      </c>
      <c r="R10" s="1" t="s">
        <v>7</v>
      </c>
    </row>
    <row r="11" spans="2:18" x14ac:dyDescent="0.2">
      <c r="B11" s="1" t="s">
        <v>32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1" t="s">
        <v>7</v>
      </c>
      <c r="N11" s="39">
        <v>0</v>
      </c>
      <c r="O11" s="1" t="s">
        <v>7</v>
      </c>
      <c r="P11" s="38">
        <v>0</v>
      </c>
      <c r="Q11" s="38">
        <v>0</v>
      </c>
      <c r="R11" s="1" t="s">
        <v>7</v>
      </c>
    </row>
    <row r="12" spans="2:18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1" t="s">
        <v>7</v>
      </c>
      <c r="N12" s="39">
        <v>0</v>
      </c>
      <c r="O12" s="1" t="s">
        <v>7</v>
      </c>
      <c r="P12" s="38">
        <v>0</v>
      </c>
      <c r="Q12" s="38">
        <v>0</v>
      </c>
      <c r="R12" s="1" t="s">
        <v>7</v>
      </c>
    </row>
    <row r="13" spans="2:18" x14ac:dyDescent="0.2">
      <c r="B13" s="1" t="s">
        <v>276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1" t="s">
        <v>7</v>
      </c>
      <c r="N13" s="39">
        <v>0</v>
      </c>
      <c r="O13" s="1" t="s">
        <v>7</v>
      </c>
      <c r="P13" s="38">
        <v>0</v>
      </c>
      <c r="Q13" s="38">
        <v>0</v>
      </c>
      <c r="R13" s="1" t="s">
        <v>7</v>
      </c>
    </row>
    <row r="14" spans="2:18" x14ac:dyDescent="0.2">
      <c r="B14" s="1" t="s">
        <v>277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1" t="s">
        <v>7</v>
      </c>
      <c r="N14" s="39">
        <v>0</v>
      </c>
      <c r="O14" s="1" t="s">
        <v>7</v>
      </c>
      <c r="P14" s="38">
        <v>0</v>
      </c>
      <c r="Q14" s="38">
        <v>0</v>
      </c>
      <c r="R14" s="1" t="s">
        <v>7</v>
      </c>
    </row>
    <row r="15" spans="2:18" x14ac:dyDescent="0.2">
      <c r="B15" s="1" t="s">
        <v>278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1" t="s">
        <v>7</v>
      </c>
      <c r="N15" s="39">
        <v>0</v>
      </c>
      <c r="O15" s="1" t="s">
        <v>7</v>
      </c>
      <c r="P15" s="38">
        <v>0</v>
      </c>
      <c r="Q15" s="38">
        <v>0</v>
      </c>
      <c r="R15" s="1" t="s">
        <v>7</v>
      </c>
    </row>
    <row r="16" spans="2:18" x14ac:dyDescent="0.2">
      <c r="B16" s="1" t="s">
        <v>89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8">
        <v>0</v>
      </c>
      <c r="K16" s="38">
        <v>0</v>
      </c>
      <c r="L16" s="1" t="s">
        <v>7</v>
      </c>
      <c r="M16" s="1" t="s">
        <v>7</v>
      </c>
      <c r="N16" s="39">
        <v>0</v>
      </c>
      <c r="O16" s="1" t="s">
        <v>7</v>
      </c>
      <c r="P16" s="38">
        <v>0</v>
      </c>
      <c r="Q16" s="38">
        <v>0</v>
      </c>
      <c r="R16" s="1" t="s">
        <v>7</v>
      </c>
    </row>
    <row r="17" spans="2:18" x14ac:dyDescent="0.2">
      <c r="B17" s="1" t="s">
        <v>27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1" t="s">
        <v>7</v>
      </c>
      <c r="M17" s="1" t="s">
        <v>7</v>
      </c>
      <c r="N17" s="39">
        <v>0</v>
      </c>
      <c r="O17" s="1" t="s">
        <v>7</v>
      </c>
      <c r="P17" s="38">
        <v>0</v>
      </c>
      <c r="Q17" s="38">
        <v>0</v>
      </c>
      <c r="R17" s="1" t="s">
        <v>7</v>
      </c>
    </row>
    <row r="18" spans="2:18" x14ac:dyDescent="0.2">
      <c r="B18" s="1" t="s">
        <v>277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1" t="s">
        <v>7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278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1" t="s">
        <v>7</v>
      </c>
      <c r="M19" s="1" t="s">
        <v>7</v>
      </c>
      <c r="N19" s="39">
        <v>0</v>
      </c>
      <c r="O19" s="1" t="s">
        <v>7</v>
      </c>
      <c r="P19" s="38">
        <v>0</v>
      </c>
      <c r="Q19" s="38">
        <v>0</v>
      </c>
      <c r="R19" s="1" t="s">
        <v>7</v>
      </c>
    </row>
    <row r="20" spans="2:18" x14ac:dyDescent="0.2">
      <c r="B20" s="36" t="s">
        <v>91</v>
      </c>
    </row>
    <row r="21" spans="2:18" x14ac:dyDescent="0.2">
      <c r="B21" s="36" t="s">
        <v>130</v>
      </c>
    </row>
    <row r="22" spans="2:18" x14ac:dyDescent="0.2">
      <c r="B22" s="67" t="s">
        <v>53</v>
      </c>
      <c r="C22" s="47"/>
      <c r="D22" s="47"/>
      <c r="E22" s="47"/>
      <c r="F22" s="47"/>
      <c r="G22" s="47"/>
      <c r="H22" s="47"/>
      <c r="I22" s="47"/>
      <c r="J22" s="47"/>
      <c r="K22" s="47"/>
      <c r="L22" s="47"/>
      <c r="M22" s="47"/>
      <c r="N22" s="47"/>
      <c r="O22" s="47"/>
      <c r="P22" s="47"/>
      <c r="Q22" s="47"/>
      <c r="R22" s="47"/>
    </row>
  </sheetData>
  <mergeCells count="1">
    <mergeCell ref="B22:R22"/>
  </mergeCells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29"/>
  <sheetViews>
    <sheetView rightToLeft="1" topLeftCell="A16" workbookViewId="0"/>
  </sheetViews>
  <sheetFormatPr defaultRowHeight="14.25" x14ac:dyDescent="0.2"/>
  <cols>
    <col min="1" max="1" width="3" customWidth="1"/>
    <col min="2" max="2" width="39" customWidth="1"/>
    <col min="3" max="3" width="18" customWidth="1"/>
    <col min="4" max="4" width="11" customWidth="1"/>
    <col min="5" max="5" width="12" customWidth="1"/>
    <col min="6" max="6" width="7" customWidth="1"/>
    <col min="7" max="7" width="13" customWidth="1"/>
    <col min="8" max="8" width="9" customWidth="1"/>
    <col min="9" max="9" width="6" customWidth="1"/>
    <col min="10" max="11" width="10" customWidth="1"/>
    <col min="12" max="12" width="19" customWidth="1"/>
    <col min="13" max="13" width="15" customWidth="1"/>
    <col min="14" max="14" width="10" customWidth="1"/>
    <col min="15" max="15" width="6" customWidth="1"/>
    <col min="16" max="16" width="11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1476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323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1" t="s">
        <v>55</v>
      </c>
      <c r="C7" s="1" t="s">
        <v>324</v>
      </c>
      <c r="D7" s="1" t="s">
        <v>56</v>
      </c>
      <c r="E7" s="1" t="s">
        <v>57</v>
      </c>
      <c r="F7" s="1" t="s">
        <v>58</v>
      </c>
      <c r="G7" s="1" t="s">
        <v>95</v>
      </c>
      <c r="H7" s="1" t="s">
        <v>59</v>
      </c>
      <c r="I7" s="1" t="s">
        <v>96</v>
      </c>
      <c r="J7" s="1" t="s">
        <v>133</v>
      </c>
      <c r="K7" s="1" t="s">
        <v>60</v>
      </c>
      <c r="L7" s="1" t="s">
        <v>325</v>
      </c>
      <c r="M7" s="1" t="s">
        <v>62</v>
      </c>
      <c r="N7" s="1" t="s">
        <v>97</v>
      </c>
      <c r="O7" s="1" t="s">
        <v>98</v>
      </c>
      <c r="P7" s="1" t="s">
        <v>9</v>
      </c>
      <c r="Q7" s="1" t="s">
        <v>64</v>
      </c>
      <c r="R7" s="1" t="s">
        <v>101</v>
      </c>
      <c r="S7" s="1" t="s">
        <v>7</v>
      </c>
    </row>
    <row r="8" spans="2:19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4</v>
      </c>
      <c r="H8" s="1" t="s">
        <v>7</v>
      </c>
      <c r="I8" s="1" t="s">
        <v>102</v>
      </c>
      <c r="J8" s="1" t="s">
        <v>7</v>
      </c>
      <c r="K8" s="1" t="s">
        <v>7</v>
      </c>
      <c r="L8" s="1" t="s">
        <v>12</v>
      </c>
      <c r="M8" s="1" t="s">
        <v>12</v>
      </c>
      <c r="N8" s="1" t="s">
        <v>145</v>
      </c>
      <c r="O8" s="1" t="s">
        <v>7</v>
      </c>
      <c r="P8" s="1" t="s">
        <v>11</v>
      </c>
      <c r="Q8" s="1" t="s">
        <v>12</v>
      </c>
      <c r="R8" s="1" t="s">
        <v>12</v>
      </c>
      <c r="S8" s="1" t="s">
        <v>7</v>
      </c>
    </row>
    <row r="9" spans="2:19" x14ac:dyDescent="0.2"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5</v>
      </c>
      <c r="N9" s="1" t="s">
        <v>106</v>
      </c>
      <c r="O9" s="1" t="s">
        <v>107</v>
      </c>
      <c r="P9" s="1" t="s">
        <v>108</v>
      </c>
      <c r="Q9" s="1" t="s">
        <v>109</v>
      </c>
      <c r="R9" s="1" t="s">
        <v>110</v>
      </c>
      <c r="S9" s="1" t="s">
        <v>7</v>
      </c>
    </row>
    <row r="10" spans="2:19" x14ac:dyDescent="0.2">
      <c r="B10" s="1" t="s">
        <v>326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0</v>
      </c>
      <c r="J10" s="1" t="s">
        <v>7</v>
      </c>
      <c r="K10" s="1" t="s">
        <v>7</v>
      </c>
      <c r="L10" s="38">
        <v>0</v>
      </c>
      <c r="M10" s="38">
        <v>0</v>
      </c>
      <c r="N10" s="1" t="s">
        <v>7</v>
      </c>
      <c r="O10" s="1" t="s">
        <v>7</v>
      </c>
      <c r="P10" s="39">
        <v>0</v>
      </c>
      <c r="Q10" s="38">
        <v>0</v>
      </c>
      <c r="R10" s="38">
        <v>0</v>
      </c>
      <c r="S10" s="1" t="s">
        <v>7</v>
      </c>
    </row>
    <row r="11" spans="2:19" x14ac:dyDescent="0.2">
      <c r="B11" s="1" t="s">
        <v>32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1" t="s">
        <v>7</v>
      </c>
      <c r="K11" s="1" t="s">
        <v>7</v>
      </c>
      <c r="L11" s="38">
        <v>0</v>
      </c>
      <c r="M11" s="38">
        <v>0</v>
      </c>
      <c r="N11" s="1" t="s">
        <v>7</v>
      </c>
      <c r="O11" s="1" t="s">
        <v>7</v>
      </c>
      <c r="P11" s="39">
        <v>0</v>
      </c>
      <c r="Q11" s="38">
        <v>0</v>
      </c>
      <c r="R11" s="38">
        <v>0</v>
      </c>
      <c r="S11" s="1" t="s">
        <v>7</v>
      </c>
    </row>
    <row r="12" spans="2:19" x14ac:dyDescent="0.2">
      <c r="B12" s="1" t="s">
        <v>328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1" t="s">
        <v>7</v>
      </c>
      <c r="K12" s="1" t="s">
        <v>7</v>
      </c>
      <c r="L12" s="38">
        <v>0</v>
      </c>
      <c r="M12" s="38">
        <v>0</v>
      </c>
      <c r="N12" s="1" t="s">
        <v>7</v>
      </c>
      <c r="O12" s="1" t="s">
        <v>7</v>
      </c>
      <c r="P12" s="39">
        <v>0</v>
      </c>
      <c r="Q12" s="38">
        <v>0</v>
      </c>
      <c r="R12" s="38">
        <v>0</v>
      </c>
      <c r="S12" s="1" t="s">
        <v>7</v>
      </c>
    </row>
    <row r="13" spans="2:19" x14ac:dyDescent="0.2">
      <c r="B13" s="1" t="s">
        <v>329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1" t="s">
        <v>7</v>
      </c>
      <c r="K13" s="1" t="s">
        <v>7</v>
      </c>
      <c r="L13" s="38">
        <v>0</v>
      </c>
      <c r="M13" s="38">
        <v>0</v>
      </c>
      <c r="N13" s="1" t="s">
        <v>7</v>
      </c>
      <c r="O13" s="1" t="s">
        <v>7</v>
      </c>
      <c r="P13" s="39">
        <v>0</v>
      </c>
      <c r="Q13" s="38">
        <v>0</v>
      </c>
      <c r="R13" s="38">
        <v>0</v>
      </c>
      <c r="S13" s="1" t="s">
        <v>7</v>
      </c>
    </row>
    <row r="14" spans="2:19" x14ac:dyDescent="0.2">
      <c r="B14" s="1" t="s">
        <v>330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1" t="s">
        <v>7</v>
      </c>
      <c r="K14" s="1" t="s">
        <v>7</v>
      </c>
      <c r="L14" s="38">
        <v>0</v>
      </c>
      <c r="M14" s="38">
        <v>0</v>
      </c>
      <c r="N14" s="1" t="s">
        <v>7</v>
      </c>
      <c r="O14" s="1" t="s">
        <v>7</v>
      </c>
      <c r="P14" s="39">
        <v>0</v>
      </c>
      <c r="Q14" s="38">
        <v>0</v>
      </c>
      <c r="R14" s="38">
        <v>0</v>
      </c>
      <c r="S14" s="1" t="s">
        <v>7</v>
      </c>
    </row>
    <row r="15" spans="2:19" x14ac:dyDescent="0.2">
      <c r="B15" s="1" t="s">
        <v>331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1" t="s">
        <v>7</v>
      </c>
      <c r="K15" s="1" t="s">
        <v>7</v>
      </c>
      <c r="L15" s="38">
        <v>0</v>
      </c>
      <c r="M15" s="38">
        <v>0</v>
      </c>
      <c r="N15" s="1" t="s">
        <v>7</v>
      </c>
      <c r="O15" s="1" t="s">
        <v>7</v>
      </c>
      <c r="P15" s="39">
        <v>0</v>
      </c>
      <c r="Q15" s="38">
        <v>0</v>
      </c>
      <c r="R15" s="38">
        <v>0</v>
      </c>
      <c r="S15" s="1" t="s">
        <v>7</v>
      </c>
    </row>
    <row r="16" spans="2:19" x14ac:dyDescent="0.2">
      <c r="B16" s="1" t="s">
        <v>332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1" t="s">
        <v>7</v>
      </c>
      <c r="K16" s="1" t="s">
        <v>7</v>
      </c>
      <c r="L16" s="38">
        <v>0</v>
      </c>
      <c r="M16" s="38">
        <v>0</v>
      </c>
      <c r="N16" s="1" t="s">
        <v>7</v>
      </c>
      <c r="O16" s="1" t="s">
        <v>7</v>
      </c>
      <c r="P16" s="39">
        <v>0</v>
      </c>
      <c r="Q16" s="38">
        <v>0</v>
      </c>
      <c r="R16" s="38">
        <v>0</v>
      </c>
      <c r="S16" s="1" t="s">
        <v>7</v>
      </c>
    </row>
    <row r="17" spans="2:19" x14ac:dyDescent="0.2">
      <c r="B17" s="1" t="s">
        <v>333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1" t="s">
        <v>7</v>
      </c>
      <c r="K17" s="1" t="s">
        <v>7</v>
      </c>
      <c r="L17" s="38">
        <v>0</v>
      </c>
      <c r="M17" s="38">
        <v>0</v>
      </c>
      <c r="N17" s="1" t="s">
        <v>7</v>
      </c>
      <c r="O17" s="1" t="s">
        <v>7</v>
      </c>
      <c r="P17" s="39">
        <v>0</v>
      </c>
      <c r="Q17" s="38">
        <v>0</v>
      </c>
      <c r="R17" s="38">
        <v>0</v>
      </c>
      <c r="S17" s="1" t="s">
        <v>7</v>
      </c>
    </row>
    <row r="18" spans="2:19" x14ac:dyDescent="0.2">
      <c r="B18" s="1" t="s">
        <v>334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  <c r="R18" s="1" t="s">
        <v>7</v>
      </c>
      <c r="S18" s="1" t="s">
        <v>7</v>
      </c>
    </row>
    <row r="19" spans="2:19" x14ac:dyDescent="0.2">
      <c r="B19" s="1" t="s">
        <v>335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1" t="s">
        <v>7</v>
      </c>
      <c r="L19" s="1" t="s">
        <v>7</v>
      </c>
      <c r="M19" s="1" t="s">
        <v>7</v>
      </c>
      <c r="N19" s="1" t="s">
        <v>7</v>
      </c>
      <c r="O19" s="1" t="s">
        <v>7</v>
      </c>
      <c r="P19" s="1" t="s">
        <v>7</v>
      </c>
      <c r="Q19" s="1" t="s">
        <v>7</v>
      </c>
      <c r="R19" s="1" t="s">
        <v>7</v>
      </c>
      <c r="S19" s="1" t="s">
        <v>7</v>
      </c>
    </row>
    <row r="20" spans="2:19" x14ac:dyDescent="0.2">
      <c r="B20" s="1" t="s">
        <v>336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1" t="s">
        <v>7</v>
      </c>
      <c r="K20" s="1" t="s">
        <v>7</v>
      </c>
      <c r="L20" s="38">
        <v>0</v>
      </c>
      <c r="M20" s="38">
        <v>0</v>
      </c>
      <c r="N20" s="1" t="s">
        <v>7</v>
      </c>
      <c r="O20" s="1" t="s">
        <v>7</v>
      </c>
      <c r="P20" s="39">
        <v>0</v>
      </c>
      <c r="Q20" s="38">
        <v>0</v>
      </c>
      <c r="R20" s="38">
        <v>0</v>
      </c>
      <c r="S20" s="1" t="s">
        <v>7</v>
      </c>
    </row>
    <row r="21" spans="2:19" x14ac:dyDescent="0.2">
      <c r="B21" s="1" t="s">
        <v>337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1" t="s">
        <v>7</v>
      </c>
      <c r="K21" s="1" t="s">
        <v>7</v>
      </c>
      <c r="L21" s="38">
        <v>0</v>
      </c>
      <c r="M21" s="38">
        <v>0</v>
      </c>
      <c r="N21" s="1" t="s">
        <v>7</v>
      </c>
      <c r="O21" s="1" t="s">
        <v>7</v>
      </c>
      <c r="P21" s="39">
        <v>0</v>
      </c>
      <c r="Q21" s="38">
        <v>0</v>
      </c>
      <c r="R21" s="38">
        <v>0</v>
      </c>
      <c r="S21" s="1" t="s">
        <v>7</v>
      </c>
    </row>
    <row r="22" spans="2:19" x14ac:dyDescent="0.2">
      <c r="B22" s="1" t="s">
        <v>338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1" t="s">
        <v>7</v>
      </c>
      <c r="K22" s="1" t="s">
        <v>7</v>
      </c>
      <c r="L22" s="38">
        <v>0</v>
      </c>
      <c r="M22" s="38">
        <v>0</v>
      </c>
      <c r="N22" s="1" t="s">
        <v>7</v>
      </c>
      <c r="O22" s="1" t="s">
        <v>7</v>
      </c>
      <c r="P22" s="39">
        <v>0</v>
      </c>
      <c r="Q22" s="38">
        <v>0</v>
      </c>
      <c r="R22" s="38">
        <v>0</v>
      </c>
      <c r="S22" s="1" t="s">
        <v>7</v>
      </c>
    </row>
    <row r="23" spans="2:19" x14ac:dyDescent="0.2">
      <c r="B23" s="1" t="s">
        <v>329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1" t="s">
        <v>7</v>
      </c>
      <c r="K23" s="1" t="s">
        <v>7</v>
      </c>
      <c r="L23" s="38">
        <v>0</v>
      </c>
      <c r="M23" s="38">
        <v>0</v>
      </c>
      <c r="N23" s="1" t="s">
        <v>7</v>
      </c>
      <c r="O23" s="1" t="s">
        <v>7</v>
      </c>
      <c r="P23" s="39">
        <v>0</v>
      </c>
      <c r="Q23" s="38">
        <v>0</v>
      </c>
      <c r="R23" s="38">
        <v>0</v>
      </c>
      <c r="S23" s="1" t="s">
        <v>7</v>
      </c>
    </row>
    <row r="24" spans="2:19" x14ac:dyDescent="0.2">
      <c r="B24" s="1" t="s">
        <v>330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39">
        <v>0</v>
      </c>
      <c r="J24" s="1" t="s">
        <v>7</v>
      </c>
      <c r="K24" s="1" t="s">
        <v>7</v>
      </c>
      <c r="L24" s="38">
        <v>0</v>
      </c>
      <c r="M24" s="38">
        <v>0</v>
      </c>
      <c r="N24" s="1" t="s">
        <v>7</v>
      </c>
      <c r="O24" s="1" t="s">
        <v>7</v>
      </c>
      <c r="P24" s="39">
        <v>0</v>
      </c>
      <c r="Q24" s="38">
        <v>0</v>
      </c>
      <c r="R24" s="38">
        <v>0</v>
      </c>
      <c r="S24" s="1" t="s">
        <v>7</v>
      </c>
    </row>
    <row r="25" spans="2:19" x14ac:dyDescent="0.2">
      <c r="B25" s="1" t="s">
        <v>331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1" t="s">
        <v>7</v>
      </c>
      <c r="I25" s="39">
        <v>0</v>
      </c>
      <c r="J25" s="1" t="s">
        <v>7</v>
      </c>
      <c r="K25" s="1" t="s">
        <v>7</v>
      </c>
      <c r="L25" s="38">
        <v>0</v>
      </c>
      <c r="M25" s="38">
        <v>0</v>
      </c>
      <c r="N25" s="1" t="s">
        <v>7</v>
      </c>
      <c r="O25" s="1" t="s">
        <v>7</v>
      </c>
      <c r="P25" s="39">
        <v>0</v>
      </c>
      <c r="Q25" s="38">
        <v>0</v>
      </c>
      <c r="R25" s="38">
        <v>0</v>
      </c>
      <c r="S25" s="1" t="s">
        <v>7</v>
      </c>
    </row>
    <row r="26" spans="2:19" x14ac:dyDescent="0.2">
      <c r="B26" s="1" t="s">
        <v>337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1" t="s">
        <v>7</v>
      </c>
      <c r="I26" s="39">
        <v>0</v>
      </c>
      <c r="J26" s="1" t="s">
        <v>7</v>
      </c>
      <c r="K26" s="1" t="s">
        <v>7</v>
      </c>
      <c r="L26" s="38">
        <v>0</v>
      </c>
      <c r="M26" s="38">
        <v>0</v>
      </c>
      <c r="N26" s="1" t="s">
        <v>7</v>
      </c>
      <c r="O26" s="1" t="s">
        <v>7</v>
      </c>
      <c r="P26" s="39">
        <v>0</v>
      </c>
      <c r="Q26" s="38">
        <v>0</v>
      </c>
      <c r="R26" s="38">
        <v>0</v>
      </c>
      <c r="S26" s="1" t="s">
        <v>7</v>
      </c>
    </row>
    <row r="27" spans="2:19" x14ac:dyDescent="0.2">
      <c r="B27" s="36" t="s">
        <v>91</v>
      </c>
    </row>
    <row r="28" spans="2:19" x14ac:dyDescent="0.2">
      <c r="B28" s="36" t="s">
        <v>130</v>
      </c>
    </row>
    <row r="29" spans="2:19" x14ac:dyDescent="0.2">
      <c r="B29" s="68" t="s">
        <v>53</v>
      </c>
      <c r="C29" s="47"/>
      <c r="D29" s="47"/>
      <c r="E29" s="47"/>
      <c r="F29" s="47"/>
      <c r="G29" s="47"/>
      <c r="H29" s="47"/>
      <c r="I29" s="47"/>
      <c r="J29" s="47"/>
      <c r="K29" s="47"/>
      <c r="L29" s="47"/>
      <c r="M29" s="47"/>
      <c r="N29" s="47"/>
      <c r="O29" s="47"/>
      <c r="P29" s="47"/>
      <c r="Q29" s="47"/>
      <c r="R29" s="47"/>
      <c r="S29" s="47"/>
    </row>
  </sheetData>
  <mergeCells count="1">
    <mergeCell ref="B29:S29"/>
  </mergeCells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0"/>
  <sheetViews>
    <sheetView rightToLeft="1" topLeftCell="A4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2" customWidth="1"/>
    <col min="5" max="5" width="7" customWidth="1"/>
    <col min="6" max="6" width="9" customWidth="1"/>
    <col min="7" max="7" width="6" customWidth="1"/>
    <col min="8" max="8" width="10" customWidth="1"/>
    <col min="9" max="9" width="19" customWidth="1"/>
    <col min="10" max="10" width="15" customWidth="1"/>
    <col min="11" max="11" width="10" customWidth="1"/>
    <col min="12" max="12" width="8" customWidth="1"/>
    <col min="13" max="13" width="11" customWidth="1"/>
    <col min="14" max="14" width="24" customWidth="1"/>
    <col min="15" max="15" width="23" customWidth="1"/>
    <col min="16" max="16" width="2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147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339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55</v>
      </c>
      <c r="C7" s="1" t="s">
        <v>56</v>
      </c>
      <c r="D7" s="1" t="s">
        <v>57</v>
      </c>
      <c r="E7" s="1" t="s">
        <v>58</v>
      </c>
      <c r="F7" s="1" t="s">
        <v>59</v>
      </c>
      <c r="G7" s="1" t="s">
        <v>96</v>
      </c>
      <c r="H7" s="1" t="s">
        <v>60</v>
      </c>
      <c r="I7" s="1" t="s">
        <v>340</v>
      </c>
      <c r="J7" s="1" t="s">
        <v>62</v>
      </c>
      <c r="K7" s="1" t="s">
        <v>97</v>
      </c>
      <c r="L7" s="1" t="s">
        <v>98</v>
      </c>
      <c r="M7" s="1" t="s">
        <v>9</v>
      </c>
      <c r="N7" s="1" t="s">
        <v>64</v>
      </c>
      <c r="O7" s="1" t="s">
        <v>101</v>
      </c>
      <c r="P7" s="1" t="s">
        <v>7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02</v>
      </c>
      <c r="H8" s="1" t="s">
        <v>7</v>
      </c>
      <c r="I8" s="1" t="s">
        <v>12</v>
      </c>
      <c r="J8" s="1" t="s">
        <v>12</v>
      </c>
      <c r="K8" s="1" t="s">
        <v>103</v>
      </c>
      <c r="L8" s="1" t="s">
        <v>104</v>
      </c>
      <c r="M8" s="1" t="s">
        <v>11</v>
      </c>
      <c r="N8" s="1" t="s">
        <v>12</v>
      </c>
      <c r="O8" s="1" t="s">
        <v>12</v>
      </c>
      <c r="P8" s="1" t="s">
        <v>7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5</v>
      </c>
      <c r="N9" s="1" t="s">
        <v>106</v>
      </c>
      <c r="O9" s="1" t="s">
        <v>107</v>
      </c>
      <c r="P9" s="1" t="s">
        <v>7</v>
      </c>
    </row>
    <row r="10" spans="2:16" x14ac:dyDescent="0.2">
      <c r="B10" s="1" t="s">
        <v>341</v>
      </c>
      <c r="C10" s="1" t="s">
        <v>7</v>
      </c>
      <c r="D10" s="1" t="s">
        <v>7</v>
      </c>
      <c r="E10" s="1" t="s">
        <v>7</v>
      </c>
      <c r="F10" s="1" t="s">
        <v>7</v>
      </c>
      <c r="G10" s="39">
        <v>0</v>
      </c>
      <c r="H10" s="1" t="s">
        <v>7</v>
      </c>
      <c r="I10" s="38">
        <v>0</v>
      </c>
      <c r="J10" s="38">
        <v>0</v>
      </c>
      <c r="K10" s="1" t="s">
        <v>7</v>
      </c>
      <c r="L10" s="1" t="s">
        <v>7</v>
      </c>
      <c r="M10" s="39">
        <v>0</v>
      </c>
      <c r="N10" s="38">
        <v>0</v>
      </c>
      <c r="O10" s="38">
        <v>0</v>
      </c>
      <c r="P10" s="1" t="s">
        <v>7</v>
      </c>
    </row>
    <row r="11" spans="2:16" x14ac:dyDescent="0.2">
      <c r="B11" s="1" t="s">
        <v>75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1" t="s">
        <v>7</v>
      </c>
      <c r="L11" s="1" t="s">
        <v>7</v>
      </c>
      <c r="M11" s="39">
        <v>0</v>
      </c>
      <c r="N11" s="38">
        <v>0</v>
      </c>
      <c r="O11" s="38">
        <v>0</v>
      </c>
      <c r="P11" s="1" t="s">
        <v>7</v>
      </c>
    </row>
    <row r="12" spans="2:16" x14ac:dyDescent="0.2">
      <c r="B12" s="1" t="s">
        <v>342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1" t="s">
        <v>7</v>
      </c>
      <c r="L12" s="1" t="s">
        <v>7</v>
      </c>
      <c r="M12" s="39">
        <v>0</v>
      </c>
      <c r="N12" s="38">
        <v>0</v>
      </c>
      <c r="O12" s="38">
        <v>0</v>
      </c>
      <c r="P12" s="1" t="s">
        <v>7</v>
      </c>
    </row>
    <row r="13" spans="2:16" x14ac:dyDescent="0.2">
      <c r="B13" s="1" t="s">
        <v>283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1" t="s">
        <v>7</v>
      </c>
      <c r="L13" s="1" t="s">
        <v>7</v>
      </c>
      <c r="M13" s="39">
        <v>0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343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1" t="s">
        <v>7</v>
      </c>
      <c r="L14" s="1" t="s">
        <v>7</v>
      </c>
      <c r="M14" s="39">
        <v>0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344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1" t="s">
        <v>7</v>
      </c>
      <c r="L15" s="1" t="s">
        <v>7</v>
      </c>
      <c r="M15" s="39">
        <v>0</v>
      </c>
      <c r="N15" s="38">
        <v>0</v>
      </c>
      <c r="O15" s="38">
        <v>0</v>
      </c>
      <c r="P15" s="1" t="s">
        <v>7</v>
      </c>
    </row>
    <row r="16" spans="2:16" x14ac:dyDescent="0.2">
      <c r="B16" s="1" t="s">
        <v>247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8">
        <v>0</v>
      </c>
      <c r="J16" s="38">
        <v>0</v>
      </c>
      <c r="K16" s="1" t="s">
        <v>7</v>
      </c>
      <c r="L16" s="1" t="s">
        <v>7</v>
      </c>
      <c r="M16" s="39">
        <v>0</v>
      </c>
      <c r="N16" s="38">
        <v>0</v>
      </c>
      <c r="O16" s="38">
        <v>0</v>
      </c>
      <c r="P16" s="1" t="s">
        <v>7</v>
      </c>
    </row>
    <row r="17" spans="2:16" x14ac:dyDescent="0.2">
      <c r="B17" s="1" t="s">
        <v>142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0</v>
      </c>
      <c r="H17" s="1" t="s">
        <v>7</v>
      </c>
      <c r="I17" s="38">
        <v>0</v>
      </c>
      <c r="J17" s="38">
        <v>0</v>
      </c>
      <c r="K17" s="1" t="s">
        <v>7</v>
      </c>
      <c r="L17" s="1" t="s">
        <v>7</v>
      </c>
      <c r="M17" s="39">
        <v>0</v>
      </c>
      <c r="N17" s="38">
        <v>0</v>
      </c>
      <c r="O17" s="38">
        <v>0</v>
      </c>
      <c r="P17" s="1" t="s">
        <v>7</v>
      </c>
    </row>
    <row r="18" spans="2:16" x14ac:dyDescent="0.2">
      <c r="B18" s="36" t="s">
        <v>91</v>
      </c>
    </row>
    <row r="19" spans="2:16" x14ac:dyDescent="0.2">
      <c r="B19" s="36" t="s">
        <v>130</v>
      </c>
    </row>
    <row r="20" spans="2:16" x14ac:dyDescent="0.2">
      <c r="B20" s="69" t="s">
        <v>53</v>
      </c>
      <c r="C20" s="47"/>
      <c r="D20" s="47"/>
      <c r="E20" s="47"/>
      <c r="F20" s="47"/>
      <c r="G20" s="47"/>
      <c r="H20" s="47"/>
      <c r="I20" s="47"/>
      <c r="J20" s="47"/>
      <c r="K20" s="47"/>
      <c r="L20" s="47"/>
      <c r="M20" s="47"/>
      <c r="N20" s="47"/>
      <c r="O20" s="47"/>
      <c r="P20" s="47"/>
    </row>
  </sheetData>
  <mergeCells count="1">
    <mergeCell ref="B20:P20"/>
  </mergeCells>
  <pageMargins left="0.7" right="0.7" top="0.75" bottom="0.75" header="0.3" footer="0.3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9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9" customWidth="1"/>
    <col min="4" max="4" width="11" customWidth="1"/>
    <col min="5" max="5" width="25" customWidth="1"/>
    <col min="6" max="6" width="10" customWidth="1"/>
    <col min="7" max="7" width="13" customWidth="1"/>
    <col min="8" max="8" width="24" customWidth="1"/>
    <col min="9" max="9" width="23" customWidth="1"/>
    <col min="10" max="10" width="12" customWidth="1"/>
    <col min="11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47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34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55</v>
      </c>
      <c r="C7" s="1" t="s">
        <v>346</v>
      </c>
      <c r="D7" s="1" t="s">
        <v>347</v>
      </c>
      <c r="E7" s="1" t="s">
        <v>348</v>
      </c>
      <c r="F7" s="1" t="s">
        <v>60</v>
      </c>
      <c r="G7" s="1" t="s">
        <v>349</v>
      </c>
      <c r="H7" s="1" t="s">
        <v>64</v>
      </c>
      <c r="I7" s="1" t="s">
        <v>101</v>
      </c>
      <c r="J7" s="1" t="s">
        <v>350</v>
      </c>
      <c r="K7" s="1" t="s">
        <v>7</v>
      </c>
      <c r="L7" s="1" t="s">
        <v>7</v>
      </c>
    </row>
    <row r="8" spans="2:12" x14ac:dyDescent="0.2">
      <c r="B8" s="1" t="s">
        <v>7</v>
      </c>
      <c r="C8" s="1" t="s">
        <v>144</v>
      </c>
      <c r="D8" s="1" t="s">
        <v>7</v>
      </c>
      <c r="E8" s="1" t="s">
        <v>12</v>
      </c>
      <c r="F8" s="1" t="s">
        <v>7</v>
      </c>
      <c r="G8" s="1" t="s">
        <v>11</v>
      </c>
      <c r="H8" s="1" t="s">
        <v>12</v>
      </c>
      <c r="I8" s="1" t="s">
        <v>12</v>
      </c>
      <c r="J8" s="1" t="s">
        <v>7</v>
      </c>
      <c r="K8" s="1" t="s">
        <v>7</v>
      </c>
      <c r="L8" s="1" t="s">
        <v>7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</v>
      </c>
      <c r="L9" s="1" t="s">
        <v>7</v>
      </c>
    </row>
    <row r="10" spans="2:12" x14ac:dyDescent="0.2">
      <c r="B10" s="1" t="s">
        <v>351</v>
      </c>
      <c r="C10" s="1" t="s">
        <v>7</v>
      </c>
      <c r="D10" s="1" t="s">
        <v>7</v>
      </c>
      <c r="E10" s="38">
        <v>0</v>
      </c>
      <c r="F10" s="1" t="s">
        <v>7</v>
      </c>
      <c r="G10" s="39">
        <v>0</v>
      </c>
      <c r="H10" s="38">
        <v>0</v>
      </c>
      <c r="I10" s="38">
        <v>0</v>
      </c>
      <c r="J10" s="1" t="s">
        <v>7</v>
      </c>
      <c r="K10" s="1" t="s">
        <v>7</v>
      </c>
      <c r="L10" s="1" t="s">
        <v>7</v>
      </c>
    </row>
    <row r="11" spans="2:12" x14ac:dyDescent="0.2">
      <c r="B11" s="1" t="s">
        <v>352</v>
      </c>
      <c r="C11" s="1" t="s">
        <v>7</v>
      </c>
      <c r="D11" s="1" t="s">
        <v>7</v>
      </c>
      <c r="E11" s="38">
        <v>0</v>
      </c>
      <c r="F11" s="1" t="s">
        <v>7</v>
      </c>
      <c r="G11" s="39">
        <v>0</v>
      </c>
      <c r="H11" s="38">
        <v>0</v>
      </c>
      <c r="I11" s="38">
        <v>0</v>
      </c>
      <c r="J11" s="1" t="s">
        <v>7</v>
      </c>
      <c r="K11" s="1" t="s">
        <v>7</v>
      </c>
      <c r="L11" s="1" t="s">
        <v>7</v>
      </c>
    </row>
    <row r="12" spans="2:12" x14ac:dyDescent="0.2">
      <c r="B12" s="1" t="s">
        <v>353</v>
      </c>
      <c r="C12" s="1" t="s">
        <v>7</v>
      </c>
      <c r="D12" s="1" t="s">
        <v>7</v>
      </c>
      <c r="E12" s="38">
        <v>0</v>
      </c>
      <c r="F12" s="1" t="s">
        <v>7</v>
      </c>
      <c r="G12" s="39">
        <v>0</v>
      </c>
      <c r="H12" s="38">
        <v>0</v>
      </c>
      <c r="I12" s="38">
        <v>0</v>
      </c>
      <c r="J12" s="1" t="s">
        <v>7</v>
      </c>
      <c r="K12" s="1" t="s">
        <v>7</v>
      </c>
      <c r="L12" s="1" t="s">
        <v>7</v>
      </c>
    </row>
    <row r="13" spans="2:12" x14ac:dyDescent="0.2">
      <c r="B13" s="1" t="s">
        <v>354</v>
      </c>
      <c r="C13" s="1" t="s">
        <v>7</v>
      </c>
      <c r="D13" s="1" t="s">
        <v>7</v>
      </c>
      <c r="E13" s="38">
        <v>0</v>
      </c>
      <c r="F13" s="1" t="s">
        <v>7</v>
      </c>
      <c r="G13" s="39">
        <v>0</v>
      </c>
      <c r="H13" s="38">
        <v>0</v>
      </c>
      <c r="I13" s="38">
        <v>0</v>
      </c>
      <c r="J13" s="1" t="s">
        <v>7</v>
      </c>
      <c r="K13" s="1" t="s">
        <v>7</v>
      </c>
      <c r="L13" s="1" t="s">
        <v>7</v>
      </c>
    </row>
    <row r="14" spans="2:12" x14ac:dyDescent="0.2">
      <c r="B14" s="1" t="s">
        <v>355</v>
      </c>
      <c r="C14" s="1" t="s">
        <v>7</v>
      </c>
      <c r="D14" s="1" t="s">
        <v>7</v>
      </c>
      <c r="E14" s="38">
        <v>0</v>
      </c>
      <c r="F14" s="1" t="s">
        <v>7</v>
      </c>
      <c r="G14" s="39">
        <v>0</v>
      </c>
      <c r="H14" s="38">
        <v>0</v>
      </c>
      <c r="I14" s="38">
        <v>0</v>
      </c>
      <c r="J14" s="1" t="s">
        <v>7</v>
      </c>
      <c r="K14" s="1" t="s">
        <v>7</v>
      </c>
      <c r="L14" s="1" t="s">
        <v>7</v>
      </c>
    </row>
    <row r="15" spans="2:12" x14ac:dyDescent="0.2">
      <c r="B15" s="1" t="s">
        <v>353</v>
      </c>
      <c r="C15" s="1" t="s">
        <v>7</v>
      </c>
      <c r="D15" s="1" t="s">
        <v>7</v>
      </c>
      <c r="E15" s="38">
        <v>0</v>
      </c>
      <c r="F15" s="1" t="s">
        <v>7</v>
      </c>
      <c r="G15" s="39">
        <v>0</v>
      </c>
      <c r="H15" s="38">
        <v>0</v>
      </c>
      <c r="I15" s="38">
        <v>0</v>
      </c>
      <c r="J15" s="1" t="s">
        <v>7</v>
      </c>
      <c r="K15" s="1" t="s">
        <v>7</v>
      </c>
      <c r="L15" s="1" t="s">
        <v>7</v>
      </c>
    </row>
    <row r="16" spans="2:12" x14ac:dyDescent="0.2">
      <c r="B16" s="1" t="s">
        <v>354</v>
      </c>
      <c r="C16" s="1" t="s">
        <v>7</v>
      </c>
      <c r="D16" s="1" t="s">
        <v>7</v>
      </c>
      <c r="E16" s="38">
        <v>0</v>
      </c>
      <c r="F16" s="1" t="s">
        <v>7</v>
      </c>
      <c r="G16" s="39">
        <v>0</v>
      </c>
      <c r="H16" s="38">
        <v>0</v>
      </c>
      <c r="I16" s="38">
        <v>0</v>
      </c>
      <c r="J16" s="1" t="s">
        <v>7</v>
      </c>
      <c r="K16" s="1" t="s">
        <v>7</v>
      </c>
      <c r="L16" s="1" t="s">
        <v>7</v>
      </c>
    </row>
    <row r="17" spans="2:12" x14ac:dyDescent="0.2">
      <c r="B17" s="36" t="s">
        <v>91</v>
      </c>
    </row>
    <row r="18" spans="2:12" x14ac:dyDescent="0.2">
      <c r="B18" s="36" t="s">
        <v>130</v>
      </c>
    </row>
    <row r="19" spans="2:12" x14ac:dyDescent="0.2">
      <c r="B19" s="70" t="s">
        <v>53</v>
      </c>
      <c r="C19" s="47"/>
      <c r="D19" s="47"/>
      <c r="E19" s="47"/>
      <c r="F19" s="47"/>
      <c r="G19" s="47"/>
      <c r="H19" s="47"/>
      <c r="I19" s="47"/>
      <c r="J19" s="47"/>
      <c r="K19" s="47"/>
      <c r="L19" s="47"/>
    </row>
  </sheetData>
  <mergeCells count="1">
    <mergeCell ref="B19:L19"/>
  </mergeCells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1476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356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55</v>
      </c>
      <c r="C7" s="1" t="s">
        <v>57</v>
      </c>
      <c r="D7" s="1" t="s">
        <v>58</v>
      </c>
      <c r="E7" s="1" t="s">
        <v>357</v>
      </c>
      <c r="F7" s="1" t="s">
        <v>358</v>
      </c>
      <c r="G7" s="1" t="s">
        <v>60</v>
      </c>
      <c r="H7" s="1" t="s">
        <v>359</v>
      </c>
      <c r="I7" s="1" t="s">
        <v>9</v>
      </c>
      <c r="J7" s="1" t="s">
        <v>64</v>
      </c>
      <c r="K7" s="1" t="s">
        <v>101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</row>
    <row r="10" spans="2:11" x14ac:dyDescent="0.2">
      <c r="B10" s="1" t="s">
        <v>360</v>
      </c>
      <c r="C10" s="1" t="s">
        <v>7</v>
      </c>
      <c r="D10" s="1" t="s">
        <v>7</v>
      </c>
      <c r="E10" s="1" t="s">
        <v>7</v>
      </c>
      <c r="F10" s="38">
        <v>0</v>
      </c>
      <c r="G10" s="1" t="s">
        <v>7</v>
      </c>
      <c r="H10" s="38">
        <v>0</v>
      </c>
      <c r="I10" s="39">
        <v>0</v>
      </c>
      <c r="J10" s="38">
        <v>0</v>
      </c>
      <c r="K10" s="38">
        <v>0</v>
      </c>
    </row>
    <row r="11" spans="2:11" x14ac:dyDescent="0.2">
      <c r="B11" s="1" t="s">
        <v>75</v>
      </c>
      <c r="C11" s="1" t="s">
        <v>7</v>
      </c>
      <c r="D11" s="1" t="s">
        <v>7</v>
      </c>
      <c r="E11" s="1" t="s">
        <v>7</v>
      </c>
      <c r="F11" s="38">
        <v>0</v>
      </c>
      <c r="G11" s="1" t="s">
        <v>7</v>
      </c>
      <c r="H11" s="38">
        <v>0</v>
      </c>
      <c r="I11" s="39">
        <v>0</v>
      </c>
      <c r="J11" s="38">
        <v>0</v>
      </c>
      <c r="K11" s="38">
        <v>0</v>
      </c>
    </row>
    <row r="12" spans="2:11" x14ac:dyDescent="0.2">
      <c r="B12" s="1" t="s">
        <v>89</v>
      </c>
      <c r="C12" s="1" t="s">
        <v>7</v>
      </c>
      <c r="D12" s="1" t="s">
        <v>7</v>
      </c>
      <c r="E12" s="1" t="s">
        <v>7</v>
      </c>
      <c r="F12" s="38">
        <v>0</v>
      </c>
      <c r="G12" s="1" t="s">
        <v>7</v>
      </c>
      <c r="H12" s="38">
        <v>0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91</v>
      </c>
    </row>
    <row r="14" spans="2:11" x14ac:dyDescent="0.2">
      <c r="B14" s="36" t="s">
        <v>130</v>
      </c>
    </row>
    <row r="15" spans="2:11" x14ac:dyDescent="0.2">
      <c r="B15" s="71" t="s">
        <v>53</v>
      </c>
      <c r="C15" s="47"/>
      <c r="D15" s="47"/>
      <c r="E15" s="47"/>
      <c r="F15" s="47"/>
      <c r="G15" s="47"/>
      <c r="H15" s="47"/>
      <c r="I15" s="47"/>
      <c r="J15" s="47"/>
      <c r="K15" s="47"/>
    </row>
  </sheetData>
  <mergeCells count="1">
    <mergeCell ref="B15:K15"/>
  </mergeCells>
  <pageMargins left="0.7" right="0.7" top="0.75" bottom="0.75" header="0.3" footer="0.3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1476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36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55</v>
      </c>
      <c r="C7" s="1" t="s">
        <v>56</v>
      </c>
      <c r="D7" s="1" t="s">
        <v>58</v>
      </c>
      <c r="E7" s="1" t="s">
        <v>357</v>
      </c>
      <c r="F7" s="1" t="s">
        <v>358</v>
      </c>
      <c r="G7" s="1" t="s">
        <v>60</v>
      </c>
      <c r="H7" s="1" t="s">
        <v>359</v>
      </c>
      <c r="I7" s="1" t="s">
        <v>9</v>
      </c>
      <c r="J7" s="1" t="s">
        <v>64</v>
      </c>
      <c r="K7" s="1" t="s">
        <v>101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</row>
    <row r="10" spans="2:11" x14ac:dyDescent="0.2">
      <c r="B10" s="1" t="s">
        <v>362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0</v>
      </c>
      <c r="J10" s="38">
        <v>0</v>
      </c>
      <c r="K10" s="38">
        <v>0</v>
      </c>
    </row>
    <row r="11" spans="2:11" x14ac:dyDescent="0.2">
      <c r="B11" s="1" t="s">
        <v>7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</row>
    <row r="12" spans="2:11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91</v>
      </c>
    </row>
    <row r="14" spans="2:11" x14ac:dyDescent="0.2">
      <c r="B14" s="36" t="s">
        <v>130</v>
      </c>
    </row>
    <row r="15" spans="2:11" x14ac:dyDescent="0.2">
      <c r="B15" s="72" t="s">
        <v>53</v>
      </c>
      <c r="C15" s="47"/>
      <c r="D15" s="47"/>
      <c r="E15" s="47"/>
      <c r="F15" s="47"/>
      <c r="G15" s="47"/>
      <c r="H15" s="47"/>
      <c r="I15" s="47"/>
      <c r="J15" s="47"/>
      <c r="K15" s="47"/>
    </row>
  </sheetData>
  <mergeCells count="1">
    <mergeCell ref="B15:K15"/>
  </mergeCells>
  <pageMargins left="0.7" right="0.7" top="0.75" bottom="0.75" header="0.3" footer="0.3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14"/>
  <sheetViews>
    <sheetView rightToLeft="1" workbookViewId="0"/>
  </sheetViews>
  <sheetFormatPr defaultRowHeight="14.25" x14ac:dyDescent="0.2"/>
  <cols>
    <col min="1" max="1" width="3" customWidth="1"/>
    <col min="2" max="2" width="28" customWidth="1"/>
    <col min="3" max="3" width="16" customWidth="1"/>
    <col min="4" max="4" width="22" customWidth="1"/>
  </cols>
  <sheetData>
    <row r="1" spans="2:4" x14ac:dyDescent="0.2">
      <c r="B1" s="37" t="s">
        <v>0</v>
      </c>
      <c r="C1" s="37" t="s">
        <v>1</v>
      </c>
    </row>
    <row r="2" spans="2:4" x14ac:dyDescent="0.2">
      <c r="B2" s="37" t="s">
        <v>2</v>
      </c>
      <c r="C2" s="37" t="s">
        <v>3</v>
      </c>
    </row>
    <row r="3" spans="2:4" x14ac:dyDescent="0.2">
      <c r="B3" s="37" t="s">
        <v>4</v>
      </c>
      <c r="C3" s="37" t="s">
        <v>5</v>
      </c>
    </row>
    <row r="4" spans="2:4" x14ac:dyDescent="0.2">
      <c r="B4" s="37" t="s">
        <v>6</v>
      </c>
      <c r="C4" s="37">
        <v>1476</v>
      </c>
    </row>
    <row r="5" spans="2:4" x14ac:dyDescent="0.2">
      <c r="B5" s="37" t="s">
        <v>7</v>
      </c>
      <c r="C5" s="37" t="s">
        <v>7</v>
      </c>
    </row>
    <row r="6" spans="2:4" x14ac:dyDescent="0.2">
      <c r="B6" s="3" t="s">
        <v>363</v>
      </c>
      <c r="C6" s="1" t="s">
        <v>7</v>
      </c>
      <c r="D6" s="1" t="s">
        <v>7</v>
      </c>
    </row>
    <row r="7" spans="2:4" x14ac:dyDescent="0.2">
      <c r="B7" s="1" t="s">
        <v>55</v>
      </c>
      <c r="C7" s="1" t="s">
        <v>364</v>
      </c>
      <c r="D7" s="1" t="s">
        <v>365</v>
      </c>
    </row>
    <row r="8" spans="2:4" x14ac:dyDescent="0.2">
      <c r="B8" s="1" t="s">
        <v>7</v>
      </c>
      <c r="C8" s="1" t="s">
        <v>11</v>
      </c>
      <c r="D8" s="1" t="s">
        <v>144</v>
      </c>
    </row>
    <row r="9" spans="2:4" x14ac:dyDescent="0.2">
      <c r="B9" s="1" t="s">
        <v>7</v>
      </c>
      <c r="C9" s="1" t="s">
        <v>13</v>
      </c>
      <c r="D9" s="1" t="s">
        <v>14</v>
      </c>
    </row>
    <row r="10" spans="2:4" x14ac:dyDescent="0.2">
      <c r="B10" s="1" t="s">
        <v>366</v>
      </c>
      <c r="C10" s="39">
        <v>0</v>
      </c>
      <c r="D10" s="1" t="s">
        <v>7</v>
      </c>
    </row>
    <row r="11" spans="2:4" x14ac:dyDescent="0.2">
      <c r="B11" s="1" t="s">
        <v>75</v>
      </c>
      <c r="C11" s="39">
        <v>0</v>
      </c>
      <c r="D11" s="1" t="s">
        <v>7</v>
      </c>
    </row>
    <row r="12" spans="2:4" x14ac:dyDescent="0.2">
      <c r="B12" s="1" t="s">
        <v>89</v>
      </c>
      <c r="C12" s="39">
        <v>0</v>
      </c>
      <c r="D12" s="1" t="s">
        <v>7</v>
      </c>
    </row>
    <row r="13" spans="2:4" x14ac:dyDescent="0.2">
      <c r="B13" s="36" t="s">
        <v>367</v>
      </c>
    </row>
    <row r="14" spans="2:4" x14ac:dyDescent="0.2">
      <c r="B14" s="73" t="s">
        <v>53</v>
      </c>
      <c r="C14" s="47"/>
      <c r="D14" s="47"/>
    </row>
  </sheetData>
  <mergeCells count="1">
    <mergeCell ref="B14:D14"/>
  </mergeCells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/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1476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36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55</v>
      </c>
      <c r="C7" s="1" t="s">
        <v>56</v>
      </c>
      <c r="D7" s="1" t="s">
        <v>133</v>
      </c>
      <c r="E7" s="1" t="s">
        <v>58</v>
      </c>
      <c r="F7" s="1" t="s">
        <v>59</v>
      </c>
      <c r="G7" s="1" t="s">
        <v>95</v>
      </c>
      <c r="H7" s="1" t="s">
        <v>96</v>
      </c>
      <c r="I7" s="1" t="s">
        <v>60</v>
      </c>
      <c r="J7" s="1" t="s">
        <v>61</v>
      </c>
      <c r="K7" s="1" t="s">
        <v>369</v>
      </c>
      <c r="L7" s="1" t="s">
        <v>97</v>
      </c>
      <c r="M7" s="1" t="s">
        <v>370</v>
      </c>
      <c r="N7" s="1" t="s">
        <v>100</v>
      </c>
      <c r="O7" s="1" t="s">
        <v>64</v>
      </c>
      <c r="P7" s="1" t="s">
        <v>101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4</v>
      </c>
      <c r="H8" s="1" t="s">
        <v>102</v>
      </c>
      <c r="I8" s="1" t="s">
        <v>7</v>
      </c>
      <c r="J8" s="1" t="s">
        <v>12</v>
      </c>
      <c r="K8" s="1" t="s">
        <v>371</v>
      </c>
      <c r="L8" s="1" t="s">
        <v>145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5</v>
      </c>
      <c r="N9" s="1" t="s">
        <v>106</v>
      </c>
      <c r="O9" s="1" t="s">
        <v>107</v>
      </c>
      <c r="P9" s="1" t="s">
        <v>108</v>
      </c>
      <c r="Q9" s="1" t="s">
        <v>7</v>
      </c>
    </row>
    <row r="10" spans="2:17" x14ac:dyDescent="0.2">
      <c r="B10" s="1" t="s">
        <v>372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1" t="s">
        <v>7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7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38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2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39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247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37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41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40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4" t="s">
        <v>53</v>
      </c>
      <c r="C19" s="47"/>
      <c r="D19" s="47"/>
      <c r="E19" s="47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7"/>
      <c r="Q19" s="47"/>
    </row>
  </sheetData>
  <mergeCells count="1">
    <mergeCell ref="B19:Q19"/>
  </mergeCells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/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1476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374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55</v>
      </c>
      <c r="C7" s="1" t="s">
        <v>56</v>
      </c>
      <c r="D7" s="1" t="s">
        <v>133</v>
      </c>
      <c r="E7" s="1" t="s">
        <v>58</v>
      </c>
      <c r="F7" s="1" t="s">
        <v>59</v>
      </c>
      <c r="G7" s="1" t="s">
        <v>95</v>
      </c>
      <c r="H7" s="1" t="s">
        <v>96</v>
      </c>
      <c r="I7" s="1" t="s">
        <v>60</v>
      </c>
      <c r="J7" s="1" t="s">
        <v>61</v>
      </c>
      <c r="K7" s="1" t="s">
        <v>369</v>
      </c>
      <c r="L7" s="1" t="s">
        <v>97</v>
      </c>
      <c r="M7" s="1" t="s">
        <v>370</v>
      </c>
      <c r="N7" s="1" t="s">
        <v>100</v>
      </c>
      <c r="O7" s="1" t="s">
        <v>64</v>
      </c>
      <c r="P7" s="1" t="s">
        <v>101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4</v>
      </c>
      <c r="H8" s="1" t="s">
        <v>102</v>
      </c>
      <c r="I8" s="1" t="s">
        <v>7</v>
      </c>
      <c r="J8" s="1" t="s">
        <v>12</v>
      </c>
      <c r="K8" s="1" t="s">
        <v>12</v>
      </c>
      <c r="L8" s="1" t="s">
        <v>145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5</v>
      </c>
      <c r="N9" s="1" t="s">
        <v>106</v>
      </c>
      <c r="O9" s="1" t="s">
        <v>107</v>
      </c>
      <c r="P9" s="1" t="s">
        <v>108</v>
      </c>
      <c r="Q9" s="1" t="s">
        <v>7</v>
      </c>
    </row>
    <row r="10" spans="2:17" x14ac:dyDescent="0.2">
      <c r="B10" s="1" t="s">
        <v>375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38">
        <v>0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37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38">
        <v>0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38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38">
        <v>0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2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38">
        <v>0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39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38">
        <v>0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247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38">
        <v>0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37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41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40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5" t="s">
        <v>53</v>
      </c>
      <c r="C19" s="47"/>
      <c r="D19" s="47"/>
      <c r="E19" s="47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7"/>
      <c r="Q19" s="47"/>
    </row>
  </sheetData>
  <mergeCells count="1">
    <mergeCell ref="B19:Q19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1"/>
  <sheetViews>
    <sheetView rightToLeft="1" topLeftCell="A13" workbookViewId="0"/>
  </sheetViews>
  <sheetFormatPr defaultRowHeight="14.25" x14ac:dyDescent="0.2"/>
  <cols>
    <col min="1" max="1" width="3" customWidth="1"/>
    <col min="2" max="2" width="40" customWidth="1"/>
    <col min="3" max="4" width="11" customWidth="1"/>
    <col min="5" max="5" width="7" customWidth="1"/>
    <col min="6" max="6" width="11" customWidth="1"/>
    <col min="7" max="7" width="13" customWidth="1"/>
    <col min="8" max="8" width="7" customWidth="1"/>
    <col min="9" max="9" width="10" customWidth="1"/>
    <col min="10" max="10" width="13" customWidth="1"/>
    <col min="11" max="12" width="15" customWidth="1"/>
    <col min="13" max="13" width="8" customWidth="1"/>
    <col min="14" max="14" width="18" customWidth="1"/>
    <col min="15" max="15" width="11" customWidth="1"/>
    <col min="16" max="16" width="22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1476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3" t="s">
        <v>9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</row>
    <row r="8" spans="2:19" x14ac:dyDescent="0.2">
      <c r="B8" s="1" t="s">
        <v>55</v>
      </c>
      <c r="C8" s="1" t="s">
        <v>56</v>
      </c>
      <c r="D8" s="1" t="s">
        <v>94</v>
      </c>
      <c r="E8" s="1" t="s">
        <v>58</v>
      </c>
      <c r="F8" s="1" t="s">
        <v>59</v>
      </c>
      <c r="G8" s="1" t="s">
        <v>95</v>
      </c>
      <c r="H8" s="1" t="s">
        <v>96</v>
      </c>
      <c r="I8" s="1" t="s">
        <v>60</v>
      </c>
      <c r="J8" s="1" t="s">
        <v>61</v>
      </c>
      <c r="K8" s="1" t="s">
        <v>62</v>
      </c>
      <c r="L8" s="1" t="s">
        <v>97</v>
      </c>
      <c r="M8" s="1" t="s">
        <v>98</v>
      </c>
      <c r="N8" s="1" t="s">
        <v>99</v>
      </c>
      <c r="O8" s="1" t="s">
        <v>63</v>
      </c>
      <c r="P8" s="1" t="s">
        <v>100</v>
      </c>
      <c r="Q8" s="1" t="s">
        <v>64</v>
      </c>
      <c r="R8" s="1" t="s">
        <v>101</v>
      </c>
      <c r="S8" s="1" t="s">
        <v>7</v>
      </c>
    </row>
    <row r="9" spans="2:19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2</v>
      </c>
      <c r="I9" s="1" t="s">
        <v>7</v>
      </c>
      <c r="J9" s="1" t="s">
        <v>12</v>
      </c>
      <c r="K9" s="1" t="s">
        <v>12</v>
      </c>
      <c r="L9" s="1" t="s">
        <v>103</v>
      </c>
      <c r="M9" s="1" t="s">
        <v>104</v>
      </c>
      <c r="N9" s="1" t="s">
        <v>11</v>
      </c>
      <c r="O9" s="1" t="s">
        <v>11</v>
      </c>
      <c r="P9" s="1" t="s">
        <v>12</v>
      </c>
      <c r="Q9" s="1" t="s">
        <v>12</v>
      </c>
      <c r="R9" s="1" t="s">
        <v>12</v>
      </c>
      <c r="S9" s="1" t="s">
        <v>7</v>
      </c>
    </row>
    <row r="10" spans="2:19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108</v>
      </c>
      <c r="Q10" s="1" t="s">
        <v>109</v>
      </c>
      <c r="R10" s="1" t="s">
        <v>110</v>
      </c>
      <c r="S10" s="1" t="s">
        <v>7</v>
      </c>
    </row>
    <row r="11" spans="2:19" x14ac:dyDescent="0.2">
      <c r="B11" s="1" t="s">
        <v>11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4.71</v>
      </c>
      <c r="I11" s="1" t="s">
        <v>7</v>
      </c>
      <c r="J11" s="38">
        <v>2.7400000000000001E-2</v>
      </c>
      <c r="K11" s="38">
        <v>-6.4999999999999997E-3</v>
      </c>
      <c r="L11" s="39">
        <v>15332326</v>
      </c>
      <c r="M11" s="1" t="s">
        <v>7</v>
      </c>
      <c r="N11" s="39">
        <v>0</v>
      </c>
      <c r="O11" s="39">
        <v>17908.5</v>
      </c>
      <c r="P11" s="1" t="s">
        <v>7</v>
      </c>
      <c r="Q11" s="38">
        <v>1</v>
      </c>
      <c r="R11" s="38">
        <v>0.50009999999999999</v>
      </c>
      <c r="S11" s="1" t="s">
        <v>7</v>
      </c>
    </row>
    <row r="12" spans="2:19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4.71</v>
      </c>
      <c r="I12" s="1" t="s">
        <v>7</v>
      </c>
      <c r="J12" s="38">
        <v>2.7400000000000001E-2</v>
      </c>
      <c r="K12" s="38">
        <v>-6.4999999999999997E-3</v>
      </c>
      <c r="L12" s="39">
        <v>15332326</v>
      </c>
      <c r="M12" s="1" t="s">
        <v>7</v>
      </c>
      <c r="N12" s="39">
        <v>0</v>
      </c>
      <c r="O12" s="39">
        <v>17908.5</v>
      </c>
      <c r="P12" s="1" t="s">
        <v>7</v>
      </c>
      <c r="Q12" s="38">
        <v>1</v>
      </c>
      <c r="R12" s="38">
        <v>0.50009999999999999</v>
      </c>
      <c r="S12" s="1" t="s">
        <v>7</v>
      </c>
    </row>
    <row r="13" spans="2:19" x14ac:dyDescent="0.2">
      <c r="B13" s="1" t="s">
        <v>11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2.4300000000000002</v>
      </c>
      <c r="I13" s="1" t="s">
        <v>7</v>
      </c>
      <c r="J13" s="38">
        <v>2.4799999999999999E-2</v>
      </c>
      <c r="K13" s="38">
        <v>-2.3599999999999999E-2</v>
      </c>
      <c r="L13" s="39">
        <v>6608021</v>
      </c>
      <c r="M13" s="1" t="s">
        <v>7</v>
      </c>
      <c r="N13" s="39">
        <v>0</v>
      </c>
      <c r="O13" s="39">
        <v>8011.65</v>
      </c>
      <c r="P13" s="1" t="s">
        <v>7</v>
      </c>
      <c r="Q13" s="38">
        <v>0.44740000000000002</v>
      </c>
      <c r="R13" s="38">
        <v>0.22370000000000001</v>
      </c>
      <c r="S13" s="1" t="s">
        <v>7</v>
      </c>
    </row>
    <row r="14" spans="2:19" x14ac:dyDescent="0.2">
      <c r="B14" s="40" t="s">
        <v>113</v>
      </c>
      <c r="C14" s="41">
        <v>1097708</v>
      </c>
      <c r="D14" s="40" t="s">
        <v>114</v>
      </c>
      <c r="E14" s="40" t="s">
        <v>115</v>
      </c>
      <c r="F14" s="40" t="s">
        <v>116</v>
      </c>
      <c r="G14" s="40" t="s">
        <v>7</v>
      </c>
      <c r="H14" s="43">
        <v>11.94</v>
      </c>
      <c r="I14" s="40" t="s">
        <v>80</v>
      </c>
      <c r="J14" s="42">
        <v>0.04</v>
      </c>
      <c r="K14" s="42">
        <v>-8.0999999999999996E-3</v>
      </c>
      <c r="L14" s="43">
        <v>209124</v>
      </c>
      <c r="M14" s="43">
        <v>214.75</v>
      </c>
      <c r="N14" s="43">
        <v>0</v>
      </c>
      <c r="O14" s="43">
        <v>449.09</v>
      </c>
      <c r="P14" s="42">
        <v>0</v>
      </c>
      <c r="Q14" s="42">
        <v>2.5100000000000001E-2</v>
      </c>
      <c r="R14" s="42">
        <v>1.2500000000000001E-2</v>
      </c>
      <c r="S14" s="40" t="s">
        <v>7</v>
      </c>
    </row>
    <row r="15" spans="2:19" x14ac:dyDescent="0.2">
      <c r="B15" s="40" t="s">
        <v>117</v>
      </c>
      <c r="C15" s="41">
        <v>9590431</v>
      </c>
      <c r="D15" s="40" t="s">
        <v>114</v>
      </c>
      <c r="E15" s="40" t="s">
        <v>115</v>
      </c>
      <c r="F15" s="40" t="s">
        <v>116</v>
      </c>
      <c r="G15" s="40" t="s">
        <v>7</v>
      </c>
      <c r="H15" s="43">
        <v>2.48</v>
      </c>
      <c r="I15" s="40" t="s">
        <v>80</v>
      </c>
      <c r="J15" s="42">
        <v>0.04</v>
      </c>
      <c r="K15" s="42">
        <v>-2.4500000000000001E-2</v>
      </c>
      <c r="L15" s="43">
        <v>934800</v>
      </c>
      <c r="M15" s="43">
        <v>150.76</v>
      </c>
      <c r="N15" s="43">
        <v>0</v>
      </c>
      <c r="O15" s="43">
        <v>1409.3</v>
      </c>
      <c r="P15" s="42">
        <v>1E-4</v>
      </c>
      <c r="Q15" s="42">
        <v>7.8700000000000006E-2</v>
      </c>
      <c r="R15" s="42">
        <v>3.9399999999999998E-2</v>
      </c>
      <c r="S15" s="40" t="s">
        <v>7</v>
      </c>
    </row>
    <row r="16" spans="2:19" x14ac:dyDescent="0.2">
      <c r="B16" s="40" t="s">
        <v>118</v>
      </c>
      <c r="C16" s="41">
        <v>1124056</v>
      </c>
      <c r="D16" s="40" t="s">
        <v>114</v>
      </c>
      <c r="E16" s="40" t="s">
        <v>115</v>
      </c>
      <c r="F16" s="40" t="s">
        <v>116</v>
      </c>
      <c r="G16" s="40" t="s">
        <v>7</v>
      </c>
      <c r="H16" s="43">
        <v>0.75</v>
      </c>
      <c r="I16" s="40" t="s">
        <v>80</v>
      </c>
      <c r="J16" s="42">
        <v>2.75E-2</v>
      </c>
      <c r="K16" s="42">
        <v>-2.4799999999999999E-2</v>
      </c>
      <c r="L16" s="43">
        <v>1914383</v>
      </c>
      <c r="M16" s="43">
        <v>111.15</v>
      </c>
      <c r="N16" s="43">
        <v>0</v>
      </c>
      <c r="O16" s="43">
        <v>2127.84</v>
      </c>
      <c r="P16" s="42">
        <v>1E-4</v>
      </c>
      <c r="Q16" s="42">
        <v>0.1188</v>
      </c>
      <c r="R16" s="42">
        <v>5.9400000000000001E-2</v>
      </c>
      <c r="S16" s="40" t="s">
        <v>7</v>
      </c>
    </row>
    <row r="17" spans="2:19" x14ac:dyDescent="0.2">
      <c r="B17" s="40" t="s">
        <v>119</v>
      </c>
      <c r="C17" s="41">
        <v>1128081</v>
      </c>
      <c r="D17" s="40" t="s">
        <v>114</v>
      </c>
      <c r="E17" s="40" t="s">
        <v>115</v>
      </c>
      <c r="F17" s="40" t="s">
        <v>116</v>
      </c>
      <c r="G17" s="40" t="s">
        <v>7</v>
      </c>
      <c r="H17" s="43">
        <v>1.73</v>
      </c>
      <c r="I17" s="40" t="s">
        <v>80</v>
      </c>
      <c r="J17" s="42">
        <v>1.7500000000000002E-2</v>
      </c>
      <c r="K17" s="42">
        <v>-2.52E-2</v>
      </c>
      <c r="L17" s="43">
        <v>3245330</v>
      </c>
      <c r="M17" s="43">
        <v>112.74</v>
      </c>
      <c r="N17" s="43">
        <v>0</v>
      </c>
      <c r="O17" s="43">
        <v>3658.78</v>
      </c>
      <c r="P17" s="42">
        <v>2.0000000000000001E-4</v>
      </c>
      <c r="Q17" s="42">
        <v>0.20430000000000001</v>
      </c>
      <c r="R17" s="42">
        <v>0.1022</v>
      </c>
      <c r="S17" s="40" t="s">
        <v>7</v>
      </c>
    </row>
    <row r="18" spans="2:19" x14ac:dyDescent="0.2">
      <c r="B18" s="40" t="s">
        <v>120</v>
      </c>
      <c r="C18" s="41">
        <v>1157023</v>
      </c>
      <c r="D18" s="40" t="s">
        <v>114</v>
      </c>
      <c r="E18" s="40" t="s">
        <v>115</v>
      </c>
      <c r="F18" s="40" t="s">
        <v>116</v>
      </c>
      <c r="G18" s="40" t="s">
        <v>7</v>
      </c>
      <c r="H18" s="43">
        <v>7.3</v>
      </c>
      <c r="I18" s="40" t="s">
        <v>80</v>
      </c>
      <c r="J18" s="42">
        <v>5.0000000000000001E-3</v>
      </c>
      <c r="K18" s="42">
        <v>-1.66E-2</v>
      </c>
      <c r="L18" s="43">
        <v>304384</v>
      </c>
      <c r="M18" s="43">
        <v>120.45</v>
      </c>
      <c r="N18" s="43">
        <v>0</v>
      </c>
      <c r="O18" s="43">
        <v>366.63</v>
      </c>
      <c r="P18" s="42">
        <v>0</v>
      </c>
      <c r="Q18" s="42">
        <v>2.0500000000000001E-2</v>
      </c>
      <c r="R18" s="42">
        <v>1.0200000000000001E-2</v>
      </c>
      <c r="S18" s="40" t="s">
        <v>7</v>
      </c>
    </row>
    <row r="19" spans="2:19" x14ac:dyDescent="0.2">
      <c r="B19" s="1" t="s">
        <v>121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6.55</v>
      </c>
      <c r="I19" s="1" t="s">
        <v>7</v>
      </c>
      <c r="J19" s="38">
        <v>2.9499999999999998E-2</v>
      </c>
      <c r="K19" s="38">
        <v>7.3000000000000001E-3</v>
      </c>
      <c r="L19" s="39">
        <v>8724305</v>
      </c>
      <c r="M19" s="1" t="s">
        <v>7</v>
      </c>
      <c r="N19" s="39">
        <v>0</v>
      </c>
      <c r="O19" s="39">
        <v>9896.85</v>
      </c>
      <c r="P19" s="1" t="s">
        <v>7</v>
      </c>
      <c r="Q19" s="38">
        <v>0.55259999999999998</v>
      </c>
      <c r="R19" s="38">
        <v>0.27639999999999998</v>
      </c>
      <c r="S19" s="1" t="s">
        <v>7</v>
      </c>
    </row>
    <row r="20" spans="2:19" x14ac:dyDescent="0.2">
      <c r="B20" s="40" t="s">
        <v>122</v>
      </c>
      <c r="C20" s="41">
        <v>1139344</v>
      </c>
      <c r="D20" s="40" t="s">
        <v>114</v>
      </c>
      <c r="E20" s="40" t="s">
        <v>115</v>
      </c>
      <c r="F20" s="40" t="s">
        <v>116</v>
      </c>
      <c r="G20" s="40" t="s">
        <v>7</v>
      </c>
      <c r="H20" s="43">
        <v>4.9800000000000004</v>
      </c>
      <c r="I20" s="40" t="s">
        <v>80</v>
      </c>
      <c r="J20" s="42">
        <v>0.02</v>
      </c>
      <c r="K20" s="42">
        <v>5.7000000000000002E-3</v>
      </c>
      <c r="L20" s="43">
        <v>2398766</v>
      </c>
      <c r="M20" s="43">
        <v>108.88</v>
      </c>
      <c r="N20" s="43">
        <v>0</v>
      </c>
      <c r="O20" s="43">
        <v>2611.7800000000002</v>
      </c>
      <c r="P20" s="42">
        <v>1E-4</v>
      </c>
      <c r="Q20" s="42">
        <v>0.14580000000000001</v>
      </c>
      <c r="R20" s="42">
        <v>7.2900000000000006E-2</v>
      </c>
      <c r="S20" s="40" t="s">
        <v>7</v>
      </c>
    </row>
    <row r="21" spans="2:19" x14ac:dyDescent="0.2">
      <c r="B21" s="40" t="s">
        <v>123</v>
      </c>
      <c r="C21" s="41">
        <v>1140193</v>
      </c>
      <c r="D21" s="40" t="s">
        <v>114</v>
      </c>
      <c r="E21" s="40" t="s">
        <v>115</v>
      </c>
      <c r="F21" s="40" t="s">
        <v>116</v>
      </c>
      <c r="G21" s="40" t="s">
        <v>7</v>
      </c>
      <c r="H21" s="43">
        <v>17.48</v>
      </c>
      <c r="I21" s="40" t="s">
        <v>80</v>
      </c>
      <c r="J21" s="42">
        <v>3.7499999999999999E-2</v>
      </c>
      <c r="K21" s="42">
        <v>2.24E-2</v>
      </c>
      <c r="L21" s="43">
        <v>1566508</v>
      </c>
      <c r="M21" s="43">
        <v>131.78</v>
      </c>
      <c r="N21" s="43">
        <v>0</v>
      </c>
      <c r="O21" s="43">
        <v>2064.34</v>
      </c>
      <c r="P21" s="42">
        <v>1E-4</v>
      </c>
      <c r="Q21" s="42">
        <v>0.1153</v>
      </c>
      <c r="R21" s="42">
        <v>5.7599999999999998E-2</v>
      </c>
      <c r="S21" s="40" t="s">
        <v>7</v>
      </c>
    </row>
    <row r="22" spans="2:19" x14ac:dyDescent="0.2">
      <c r="B22" s="40" t="s">
        <v>124</v>
      </c>
      <c r="C22" s="41">
        <v>1150879</v>
      </c>
      <c r="D22" s="40" t="s">
        <v>114</v>
      </c>
      <c r="E22" s="40" t="s">
        <v>115</v>
      </c>
      <c r="F22" s="40" t="s">
        <v>116</v>
      </c>
      <c r="G22" s="40" t="s">
        <v>7</v>
      </c>
      <c r="H22" s="43">
        <v>6.33</v>
      </c>
      <c r="I22" s="40" t="s">
        <v>80</v>
      </c>
      <c r="J22" s="42">
        <v>2.2499999999999999E-2</v>
      </c>
      <c r="K22" s="42">
        <v>7.6E-3</v>
      </c>
      <c r="L22" s="43">
        <v>1026580</v>
      </c>
      <c r="M22" s="43">
        <v>110.3</v>
      </c>
      <c r="N22" s="43">
        <v>0</v>
      </c>
      <c r="O22" s="43">
        <v>1132.32</v>
      </c>
      <c r="P22" s="42">
        <v>1E-4</v>
      </c>
      <c r="Q22" s="42">
        <v>6.3200000000000006E-2</v>
      </c>
      <c r="R22" s="42">
        <v>3.1600000000000003E-2</v>
      </c>
      <c r="S22" s="40" t="s">
        <v>7</v>
      </c>
    </row>
    <row r="23" spans="2:19" x14ac:dyDescent="0.2">
      <c r="B23" s="40" t="s">
        <v>125</v>
      </c>
      <c r="C23" s="41">
        <v>1155068</v>
      </c>
      <c r="D23" s="40" t="s">
        <v>114</v>
      </c>
      <c r="E23" s="40" t="s">
        <v>115</v>
      </c>
      <c r="F23" s="40" t="s">
        <v>116</v>
      </c>
      <c r="G23" s="40" t="s">
        <v>7</v>
      </c>
      <c r="H23" s="43">
        <v>1.9</v>
      </c>
      <c r="I23" s="40" t="s">
        <v>80</v>
      </c>
      <c r="J23" s="42">
        <v>1.4999999999999999E-2</v>
      </c>
      <c r="K23" s="42">
        <v>5.9999999999999995E-4</v>
      </c>
      <c r="L23" s="43">
        <v>710576</v>
      </c>
      <c r="M23" s="43">
        <v>102.89</v>
      </c>
      <c r="N23" s="43">
        <v>0</v>
      </c>
      <c r="O23" s="43">
        <v>731.11</v>
      </c>
      <c r="P23" s="42">
        <v>0</v>
      </c>
      <c r="Q23" s="42">
        <v>4.0800000000000003E-2</v>
      </c>
      <c r="R23" s="42">
        <v>2.0400000000000001E-2</v>
      </c>
      <c r="S23" s="40" t="s">
        <v>7</v>
      </c>
    </row>
    <row r="24" spans="2:19" x14ac:dyDescent="0.2">
      <c r="B24" s="40" t="s">
        <v>126</v>
      </c>
      <c r="C24" s="41">
        <v>1130848</v>
      </c>
      <c r="D24" s="40" t="s">
        <v>114</v>
      </c>
      <c r="E24" s="40" t="s">
        <v>115</v>
      </c>
      <c r="F24" s="40" t="s">
        <v>116</v>
      </c>
      <c r="G24" s="40" t="s">
        <v>7</v>
      </c>
      <c r="H24" s="43">
        <v>2.15</v>
      </c>
      <c r="I24" s="40" t="s">
        <v>80</v>
      </c>
      <c r="J24" s="42">
        <v>3.7499999999999999E-2</v>
      </c>
      <c r="K24" s="42">
        <v>6.9999999999999999E-4</v>
      </c>
      <c r="L24" s="43">
        <v>3021875</v>
      </c>
      <c r="M24" s="43">
        <v>111.1</v>
      </c>
      <c r="N24" s="43">
        <v>0</v>
      </c>
      <c r="O24" s="43">
        <v>3357.3</v>
      </c>
      <c r="P24" s="42">
        <v>1E-4</v>
      </c>
      <c r="Q24" s="42">
        <v>0.1875</v>
      </c>
      <c r="R24" s="42">
        <v>9.3700000000000006E-2</v>
      </c>
      <c r="S24" s="40" t="s">
        <v>7</v>
      </c>
    </row>
    <row r="25" spans="2:19" x14ac:dyDescent="0.2">
      <c r="B25" s="1" t="s">
        <v>127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39">
        <v>0</v>
      </c>
      <c r="I25" s="1" t="s">
        <v>7</v>
      </c>
      <c r="J25" s="38">
        <v>0</v>
      </c>
      <c r="K25" s="38">
        <v>0</v>
      </c>
      <c r="L25" s="39">
        <v>0</v>
      </c>
      <c r="M25" s="1" t="s">
        <v>7</v>
      </c>
      <c r="N25" s="39">
        <v>0</v>
      </c>
      <c r="O25" s="39">
        <v>0</v>
      </c>
      <c r="P25" s="1" t="s">
        <v>7</v>
      </c>
      <c r="Q25" s="38">
        <v>0</v>
      </c>
      <c r="R25" s="38">
        <v>0</v>
      </c>
      <c r="S25" s="1" t="s">
        <v>7</v>
      </c>
    </row>
    <row r="26" spans="2:19" x14ac:dyDescent="0.2">
      <c r="B26" s="1" t="s">
        <v>89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39">
        <v>0</v>
      </c>
      <c r="I26" s="1" t="s">
        <v>7</v>
      </c>
      <c r="J26" s="38">
        <v>0</v>
      </c>
      <c r="K26" s="38">
        <v>0</v>
      </c>
      <c r="L26" s="39">
        <v>0</v>
      </c>
      <c r="M26" s="1" t="s">
        <v>7</v>
      </c>
      <c r="N26" s="39">
        <v>0</v>
      </c>
      <c r="O26" s="39">
        <v>0</v>
      </c>
      <c r="P26" s="1" t="s">
        <v>7</v>
      </c>
      <c r="Q26" s="38">
        <v>0</v>
      </c>
      <c r="R26" s="38">
        <v>0</v>
      </c>
      <c r="S26" s="1" t="s">
        <v>7</v>
      </c>
    </row>
    <row r="27" spans="2:19" x14ac:dyDescent="0.2">
      <c r="B27" s="1" t="s">
        <v>128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39">
        <v>0</v>
      </c>
      <c r="I27" s="1" t="s">
        <v>7</v>
      </c>
      <c r="J27" s="38">
        <v>0</v>
      </c>
      <c r="K27" s="38">
        <v>0</v>
      </c>
      <c r="L27" s="39">
        <v>0</v>
      </c>
      <c r="M27" s="1" t="s">
        <v>7</v>
      </c>
      <c r="N27" s="39">
        <v>0</v>
      </c>
      <c r="O27" s="39">
        <v>0</v>
      </c>
      <c r="P27" s="1" t="s">
        <v>7</v>
      </c>
      <c r="Q27" s="38">
        <v>0</v>
      </c>
      <c r="R27" s="38">
        <v>0</v>
      </c>
      <c r="S27" s="1" t="s">
        <v>7</v>
      </c>
    </row>
    <row r="28" spans="2:19" x14ac:dyDescent="0.2">
      <c r="B28" s="1" t="s">
        <v>129</v>
      </c>
      <c r="C28" s="1" t="s">
        <v>7</v>
      </c>
      <c r="D28" s="1" t="s">
        <v>7</v>
      </c>
      <c r="E28" s="1" t="s">
        <v>7</v>
      </c>
      <c r="F28" s="1" t="s">
        <v>7</v>
      </c>
      <c r="G28" s="1" t="s">
        <v>7</v>
      </c>
      <c r="H28" s="39">
        <v>0</v>
      </c>
      <c r="I28" s="1" t="s">
        <v>7</v>
      </c>
      <c r="J28" s="38">
        <v>0</v>
      </c>
      <c r="K28" s="38">
        <v>0</v>
      </c>
      <c r="L28" s="39">
        <v>0</v>
      </c>
      <c r="M28" s="1" t="s">
        <v>7</v>
      </c>
      <c r="N28" s="39">
        <v>0</v>
      </c>
      <c r="O28" s="39">
        <v>0</v>
      </c>
      <c r="P28" s="1" t="s">
        <v>7</v>
      </c>
      <c r="Q28" s="38">
        <v>0</v>
      </c>
      <c r="R28" s="38">
        <v>0</v>
      </c>
      <c r="S28" s="1" t="s">
        <v>7</v>
      </c>
    </row>
    <row r="29" spans="2:19" x14ac:dyDescent="0.2">
      <c r="B29" s="36" t="s">
        <v>91</v>
      </c>
    </row>
    <row r="30" spans="2:19" x14ac:dyDescent="0.2">
      <c r="B30" s="36" t="s">
        <v>130</v>
      </c>
    </row>
    <row r="31" spans="2:19" x14ac:dyDescent="0.2">
      <c r="B31" s="49" t="s">
        <v>53</v>
      </c>
      <c r="C31" s="47"/>
      <c r="D31" s="47"/>
      <c r="E31" s="47"/>
      <c r="F31" s="47"/>
      <c r="G31" s="47"/>
      <c r="H31" s="47"/>
      <c r="I31" s="47"/>
      <c r="J31" s="47"/>
      <c r="K31" s="47"/>
      <c r="L31" s="47"/>
      <c r="M31" s="47"/>
      <c r="N31" s="47"/>
      <c r="O31" s="47"/>
      <c r="P31" s="47"/>
      <c r="Q31" s="47"/>
      <c r="R31" s="47"/>
      <c r="S31" s="47"/>
    </row>
  </sheetData>
  <mergeCells count="1">
    <mergeCell ref="B31:S31"/>
  </mergeCells>
  <pageMargins left="0.7" right="0.7" top="0.75" bottom="0.75" header="0.3" footer="0.3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19"/>
  <sheetViews>
    <sheetView rightToLeft="1" tabSelected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147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377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55</v>
      </c>
      <c r="C7" s="1" t="s">
        <v>56</v>
      </c>
      <c r="D7" s="1" t="s">
        <v>133</v>
      </c>
      <c r="E7" s="1" t="s">
        <v>58</v>
      </c>
      <c r="F7" s="1" t="s">
        <v>59</v>
      </c>
      <c r="G7" s="1" t="s">
        <v>95</v>
      </c>
      <c r="H7" s="1" t="s">
        <v>96</v>
      </c>
      <c r="I7" s="1" t="s">
        <v>60</v>
      </c>
      <c r="J7" s="1" t="s">
        <v>61</v>
      </c>
      <c r="K7" s="1" t="s">
        <v>369</v>
      </c>
      <c r="L7" s="1" t="s">
        <v>97</v>
      </c>
      <c r="M7" s="1" t="s">
        <v>370</v>
      </c>
      <c r="N7" s="1" t="s">
        <v>100</v>
      </c>
      <c r="O7" s="1" t="s">
        <v>64</v>
      </c>
      <c r="P7" s="1" t="s">
        <v>101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4</v>
      </c>
      <c r="H8" s="1" t="s">
        <v>102</v>
      </c>
      <c r="I8" s="1" t="s">
        <v>7</v>
      </c>
      <c r="J8" s="1" t="s">
        <v>12</v>
      </c>
      <c r="K8" s="1" t="s">
        <v>12</v>
      </c>
      <c r="L8" s="1" t="s">
        <v>145</v>
      </c>
      <c r="M8" s="1" t="s">
        <v>11</v>
      </c>
      <c r="N8" s="1" t="s">
        <v>12</v>
      </c>
      <c r="O8" s="1" t="s">
        <v>12</v>
      </c>
      <c r="P8" s="1" t="s">
        <v>12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66</v>
      </c>
      <c r="F9" s="1" t="s">
        <v>67</v>
      </c>
      <c r="G9" s="1" t="s">
        <v>68</v>
      </c>
      <c r="H9" s="1" t="s">
        <v>69</v>
      </c>
      <c r="I9" s="1" t="s">
        <v>70</v>
      </c>
      <c r="J9" s="1" t="s">
        <v>71</v>
      </c>
      <c r="K9" s="1" t="s">
        <v>72</v>
      </c>
      <c r="L9" s="1" t="s">
        <v>73</v>
      </c>
      <c r="M9" s="1" t="s">
        <v>105</v>
      </c>
      <c r="N9" s="1" t="s">
        <v>106</v>
      </c>
      <c r="O9" s="1" t="s">
        <v>107</v>
      </c>
      <c r="P9" s="1" t="s">
        <v>108</v>
      </c>
    </row>
    <row r="10" spans="2:16" x14ac:dyDescent="0.2">
      <c r="B10" s="1" t="s">
        <v>378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1" t="s">
        <v>7</v>
      </c>
      <c r="J10" s="1" t="s">
        <v>7</v>
      </c>
      <c r="K10" s="1" t="s">
        <v>7</v>
      </c>
      <c r="L10" s="1" t="s">
        <v>7</v>
      </c>
      <c r="M10" s="1" t="s">
        <v>7</v>
      </c>
      <c r="N10" s="1" t="s">
        <v>7</v>
      </c>
      <c r="O10" s="1" t="s">
        <v>7</v>
      </c>
      <c r="P10" s="1" t="s">
        <v>7</v>
      </c>
    </row>
    <row r="11" spans="2:16" x14ac:dyDescent="0.2">
      <c r="B11" s="1" t="s">
        <v>37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1" t="s">
        <v>7</v>
      </c>
      <c r="L11" s="1" t="s">
        <v>7</v>
      </c>
      <c r="M11" s="1" t="s">
        <v>7</v>
      </c>
      <c r="N11" s="1" t="s">
        <v>7</v>
      </c>
      <c r="O11" s="1" t="s">
        <v>7</v>
      </c>
      <c r="P11" s="1" t="s">
        <v>7</v>
      </c>
    </row>
    <row r="12" spans="2:16" x14ac:dyDescent="0.2">
      <c r="B12" s="1" t="s">
        <v>138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  <c r="M12" s="1" t="s">
        <v>7</v>
      </c>
      <c r="N12" s="1" t="s">
        <v>7</v>
      </c>
      <c r="O12" s="1" t="s">
        <v>7</v>
      </c>
      <c r="P12" s="1" t="s">
        <v>7</v>
      </c>
    </row>
    <row r="13" spans="2:16" x14ac:dyDescent="0.2">
      <c r="B13" s="1" t="s">
        <v>12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  <c r="N13" s="1" t="s">
        <v>7</v>
      </c>
      <c r="O13" s="1" t="s">
        <v>7</v>
      </c>
      <c r="P13" s="1" t="s">
        <v>7</v>
      </c>
    </row>
    <row r="14" spans="2:16" x14ac:dyDescent="0.2">
      <c r="B14" s="1" t="s">
        <v>34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1" t="s">
        <v>7</v>
      </c>
      <c r="L14" s="1" t="s">
        <v>7</v>
      </c>
      <c r="M14" s="1" t="s">
        <v>7</v>
      </c>
      <c r="N14" s="1" t="s">
        <v>7</v>
      </c>
      <c r="O14" s="1" t="s">
        <v>7</v>
      </c>
      <c r="P14" s="1" t="s">
        <v>7</v>
      </c>
    </row>
    <row r="15" spans="2:16" x14ac:dyDescent="0.2">
      <c r="B15" s="1" t="s">
        <v>247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1" t="s">
        <v>7</v>
      </c>
      <c r="L15" s="1" t="s">
        <v>7</v>
      </c>
      <c r="M15" s="1" t="s">
        <v>7</v>
      </c>
      <c r="N15" s="1" t="s">
        <v>7</v>
      </c>
      <c r="O15" s="1" t="s">
        <v>7</v>
      </c>
      <c r="P15" s="1" t="s">
        <v>7</v>
      </c>
    </row>
    <row r="16" spans="2:16" x14ac:dyDescent="0.2">
      <c r="B16" s="1" t="s">
        <v>37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</row>
    <row r="17" spans="2:16" x14ac:dyDescent="0.2">
      <c r="B17" s="1" t="s">
        <v>141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</row>
    <row r="18" spans="2:16" x14ac:dyDescent="0.2">
      <c r="B18" s="1" t="s">
        <v>379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</row>
    <row r="19" spans="2:16" x14ac:dyDescent="0.2">
      <c r="B19" s="76" t="s">
        <v>53</v>
      </c>
      <c r="C19" s="47"/>
      <c r="D19" s="47"/>
      <c r="E19" s="47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7"/>
    </row>
  </sheetData>
  <mergeCells count="1">
    <mergeCell ref="B19:P19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V21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2:22" x14ac:dyDescent="0.2">
      <c r="B1" s="37" t="s">
        <v>0</v>
      </c>
      <c r="C1" s="37" t="s">
        <v>1</v>
      </c>
    </row>
    <row r="2" spans="2:22" x14ac:dyDescent="0.2">
      <c r="B2" s="37" t="s">
        <v>2</v>
      </c>
      <c r="C2" s="37" t="s">
        <v>3</v>
      </c>
    </row>
    <row r="3" spans="2:22" x14ac:dyDescent="0.2">
      <c r="B3" s="37" t="s">
        <v>4</v>
      </c>
      <c r="C3" s="37" t="s">
        <v>5</v>
      </c>
    </row>
    <row r="4" spans="2:22" x14ac:dyDescent="0.2">
      <c r="B4" s="37" t="s">
        <v>6</v>
      </c>
      <c r="C4" s="37">
        <v>1476</v>
      </c>
    </row>
    <row r="5" spans="2:22" x14ac:dyDescent="0.2">
      <c r="B5" s="37" t="s">
        <v>7</v>
      </c>
      <c r="C5" s="37" t="s">
        <v>7</v>
      </c>
    </row>
    <row r="6" spans="2:22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2:22" x14ac:dyDescent="0.2">
      <c r="B7" s="3" t="s">
        <v>13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2:22" x14ac:dyDescent="0.2">
      <c r="B8" s="1" t="s">
        <v>55</v>
      </c>
      <c r="C8" s="1" t="s">
        <v>56</v>
      </c>
      <c r="D8" s="1" t="s">
        <v>94</v>
      </c>
      <c r="E8" s="1" t="s">
        <v>132</v>
      </c>
      <c r="F8" s="1" t="s">
        <v>57</v>
      </c>
      <c r="G8" s="1" t="s">
        <v>133</v>
      </c>
      <c r="H8" s="1" t="s">
        <v>58</v>
      </c>
      <c r="I8" s="1" t="s">
        <v>59</v>
      </c>
      <c r="J8" s="1" t="s">
        <v>95</v>
      </c>
      <c r="K8" s="1" t="s">
        <v>96</v>
      </c>
      <c r="L8" s="1" t="s">
        <v>60</v>
      </c>
      <c r="M8" s="1" t="s">
        <v>61</v>
      </c>
      <c r="N8" s="1" t="s">
        <v>62</v>
      </c>
      <c r="O8" s="1" t="s">
        <v>97</v>
      </c>
      <c r="P8" s="1" t="s">
        <v>98</v>
      </c>
      <c r="Q8" s="1" t="s">
        <v>99</v>
      </c>
      <c r="R8" s="1" t="s">
        <v>63</v>
      </c>
      <c r="S8" s="1" t="s">
        <v>100</v>
      </c>
      <c r="T8" s="1" t="s">
        <v>64</v>
      </c>
      <c r="U8" s="1" t="s">
        <v>101</v>
      </c>
      <c r="V8" s="1" t="s">
        <v>7</v>
      </c>
    </row>
    <row r="9" spans="2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7</v>
      </c>
      <c r="K9" s="1" t="s">
        <v>102</v>
      </c>
      <c r="L9" s="1" t="s">
        <v>7</v>
      </c>
      <c r="M9" s="1" t="s">
        <v>12</v>
      </c>
      <c r="N9" s="1" t="s">
        <v>12</v>
      </c>
      <c r="O9" s="1" t="s">
        <v>103</v>
      </c>
      <c r="P9" s="1" t="s">
        <v>104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2:22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108</v>
      </c>
      <c r="Q10" s="1" t="s">
        <v>109</v>
      </c>
      <c r="R10" s="1" t="s">
        <v>110</v>
      </c>
      <c r="S10" s="1" t="s">
        <v>134</v>
      </c>
      <c r="T10" s="1" t="s">
        <v>135</v>
      </c>
      <c r="U10" s="1" t="s">
        <v>136</v>
      </c>
      <c r="V10" s="1" t="s">
        <v>7</v>
      </c>
    </row>
    <row r="11" spans="2:22" x14ac:dyDescent="0.2">
      <c r="B11" s="1" t="s">
        <v>13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0</v>
      </c>
      <c r="L11" s="1" t="s">
        <v>7</v>
      </c>
      <c r="M11" s="38">
        <v>0</v>
      </c>
      <c r="N11" s="38">
        <v>0</v>
      </c>
      <c r="O11" s="39">
        <v>0</v>
      </c>
      <c r="P11" s="1" t="s">
        <v>7</v>
      </c>
      <c r="Q11" s="39">
        <v>0</v>
      </c>
      <c r="R11" s="39">
        <v>0</v>
      </c>
      <c r="S11" s="1" t="s">
        <v>7</v>
      </c>
      <c r="T11" s="38">
        <v>0</v>
      </c>
      <c r="U11" s="38">
        <v>0</v>
      </c>
      <c r="V11" s="1" t="s">
        <v>7</v>
      </c>
    </row>
    <row r="12" spans="2:22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0</v>
      </c>
      <c r="L12" s="1" t="s">
        <v>7</v>
      </c>
      <c r="M12" s="38">
        <v>0</v>
      </c>
      <c r="N12" s="38">
        <v>0</v>
      </c>
      <c r="O12" s="39">
        <v>0</v>
      </c>
      <c r="P12" s="1" t="s">
        <v>7</v>
      </c>
      <c r="Q12" s="39">
        <v>0</v>
      </c>
      <c r="R12" s="39">
        <v>0</v>
      </c>
      <c r="S12" s="1" t="s">
        <v>7</v>
      </c>
      <c r="T12" s="38">
        <v>0</v>
      </c>
      <c r="U12" s="38">
        <v>0</v>
      </c>
      <c r="V12" s="1" t="s">
        <v>7</v>
      </c>
    </row>
    <row r="13" spans="2:22" x14ac:dyDescent="0.2">
      <c r="B13" s="1" t="s">
        <v>138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0</v>
      </c>
      <c r="L13" s="1" t="s">
        <v>7</v>
      </c>
      <c r="M13" s="38">
        <v>0</v>
      </c>
      <c r="N13" s="38">
        <v>0</v>
      </c>
      <c r="O13" s="39">
        <v>0</v>
      </c>
      <c r="P13" s="1" t="s">
        <v>7</v>
      </c>
      <c r="Q13" s="39">
        <v>0</v>
      </c>
      <c r="R13" s="39">
        <v>0</v>
      </c>
      <c r="S13" s="1" t="s">
        <v>7</v>
      </c>
      <c r="T13" s="38">
        <v>0</v>
      </c>
      <c r="U13" s="38">
        <v>0</v>
      </c>
      <c r="V13" s="1" t="s">
        <v>7</v>
      </c>
    </row>
    <row r="14" spans="2:22" x14ac:dyDescent="0.2">
      <c r="B14" s="1" t="s">
        <v>121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39">
        <v>0</v>
      </c>
      <c r="L14" s="1" t="s">
        <v>7</v>
      </c>
      <c r="M14" s="38">
        <v>0</v>
      </c>
      <c r="N14" s="38">
        <v>0</v>
      </c>
      <c r="O14" s="39">
        <v>0</v>
      </c>
      <c r="P14" s="1" t="s">
        <v>7</v>
      </c>
      <c r="Q14" s="39">
        <v>0</v>
      </c>
      <c r="R14" s="39">
        <v>0</v>
      </c>
      <c r="S14" s="1" t="s">
        <v>7</v>
      </c>
      <c r="T14" s="38">
        <v>0</v>
      </c>
      <c r="U14" s="38">
        <v>0</v>
      </c>
      <c r="V14" s="1" t="s">
        <v>7</v>
      </c>
    </row>
    <row r="15" spans="2:22" x14ac:dyDescent="0.2">
      <c r="B15" s="1" t="s">
        <v>139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39">
        <v>0</v>
      </c>
      <c r="L15" s="1" t="s">
        <v>7</v>
      </c>
      <c r="M15" s="38">
        <v>0</v>
      </c>
      <c r="N15" s="38">
        <v>0</v>
      </c>
      <c r="O15" s="39">
        <v>0</v>
      </c>
      <c r="P15" s="1" t="s">
        <v>7</v>
      </c>
      <c r="Q15" s="39">
        <v>0</v>
      </c>
      <c r="R15" s="39">
        <v>0</v>
      </c>
      <c r="S15" s="1" t="s">
        <v>7</v>
      </c>
      <c r="T15" s="38">
        <v>0</v>
      </c>
      <c r="U15" s="38">
        <v>0</v>
      </c>
      <c r="V15" s="1" t="s">
        <v>7</v>
      </c>
    </row>
    <row r="16" spans="2:22" x14ac:dyDescent="0.2">
      <c r="B16" s="1" t="s">
        <v>140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39">
        <v>0</v>
      </c>
      <c r="L16" s="1" t="s">
        <v>7</v>
      </c>
      <c r="M16" s="38">
        <v>0</v>
      </c>
      <c r="N16" s="38">
        <v>0</v>
      </c>
      <c r="O16" s="39">
        <v>0</v>
      </c>
      <c r="P16" s="1" t="s">
        <v>7</v>
      </c>
      <c r="Q16" s="39">
        <v>0</v>
      </c>
      <c r="R16" s="39">
        <v>0</v>
      </c>
      <c r="S16" s="1" t="s">
        <v>7</v>
      </c>
      <c r="T16" s="38">
        <v>0</v>
      </c>
      <c r="U16" s="38">
        <v>0</v>
      </c>
      <c r="V16" s="1" t="s">
        <v>7</v>
      </c>
    </row>
    <row r="17" spans="2:22" x14ac:dyDescent="0.2">
      <c r="B17" s="1" t="s">
        <v>141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39">
        <v>0</v>
      </c>
      <c r="L17" s="1" t="s">
        <v>7</v>
      </c>
      <c r="M17" s="38">
        <v>0</v>
      </c>
      <c r="N17" s="38">
        <v>0</v>
      </c>
      <c r="O17" s="39">
        <v>0</v>
      </c>
      <c r="P17" s="1" t="s">
        <v>7</v>
      </c>
      <c r="Q17" s="39">
        <v>0</v>
      </c>
      <c r="R17" s="39">
        <v>0</v>
      </c>
      <c r="S17" s="1" t="s">
        <v>7</v>
      </c>
      <c r="T17" s="38">
        <v>0</v>
      </c>
      <c r="U17" s="38">
        <v>0</v>
      </c>
      <c r="V17" s="1" t="s">
        <v>7</v>
      </c>
    </row>
    <row r="18" spans="2:22" x14ac:dyDescent="0.2">
      <c r="B18" s="1" t="s">
        <v>142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39">
        <v>0</v>
      </c>
      <c r="L18" s="1" t="s">
        <v>7</v>
      </c>
      <c r="M18" s="38">
        <v>0</v>
      </c>
      <c r="N18" s="38">
        <v>0</v>
      </c>
      <c r="O18" s="39">
        <v>0</v>
      </c>
      <c r="P18" s="1" t="s">
        <v>7</v>
      </c>
      <c r="Q18" s="39">
        <v>0</v>
      </c>
      <c r="R18" s="39">
        <v>0</v>
      </c>
      <c r="S18" s="1" t="s">
        <v>7</v>
      </c>
      <c r="T18" s="38">
        <v>0</v>
      </c>
      <c r="U18" s="38">
        <v>0</v>
      </c>
      <c r="V18" s="1" t="s">
        <v>7</v>
      </c>
    </row>
    <row r="19" spans="2:22" x14ac:dyDescent="0.2">
      <c r="B19" s="36" t="s">
        <v>91</v>
      </c>
    </row>
    <row r="20" spans="2:22" x14ac:dyDescent="0.2">
      <c r="B20" s="36" t="s">
        <v>130</v>
      </c>
    </row>
    <row r="21" spans="2:22" x14ac:dyDescent="0.2">
      <c r="B21" s="50" t="s">
        <v>53</v>
      </c>
      <c r="C21" s="47"/>
      <c r="D21" s="47"/>
      <c r="E21" s="47"/>
      <c r="F21" s="47"/>
      <c r="G21" s="47"/>
      <c r="H21" s="47"/>
      <c r="I21" s="47"/>
      <c r="J21" s="47"/>
      <c r="K21" s="47"/>
      <c r="L21" s="47"/>
      <c r="M21" s="47"/>
      <c r="N21" s="47"/>
      <c r="O21" s="47"/>
      <c r="P21" s="47"/>
      <c r="Q21" s="47"/>
      <c r="R21" s="47"/>
      <c r="S21" s="47"/>
      <c r="T21" s="47"/>
      <c r="U21" s="47"/>
      <c r="V21" s="47"/>
    </row>
  </sheetData>
  <mergeCells count="1">
    <mergeCell ref="B21:V21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65"/>
  <sheetViews>
    <sheetView rightToLeft="1" topLeftCell="A49" workbookViewId="0">
      <selection activeCell="B12" sqref="B12"/>
    </sheetView>
  </sheetViews>
  <sheetFormatPr defaultRowHeight="14.25" x14ac:dyDescent="0.2"/>
  <cols>
    <col min="1" max="1" width="16.25" customWidth="1"/>
    <col min="2" max="2" width="34" customWidth="1"/>
    <col min="3" max="3" width="14" customWidth="1"/>
    <col min="4" max="5" width="11" customWidth="1"/>
    <col min="6" max="6" width="12" customWidth="1"/>
    <col min="7" max="7" width="24" customWidth="1"/>
    <col min="8" max="8" width="8" customWidth="1"/>
    <col min="9" max="9" width="11" customWidth="1"/>
    <col min="10" max="10" width="13" customWidth="1"/>
    <col min="11" max="11" width="6" customWidth="1"/>
    <col min="12" max="12" width="14" customWidth="1"/>
    <col min="13" max="13" width="13" customWidth="1"/>
    <col min="14" max="15" width="15" customWidth="1"/>
    <col min="16" max="16" width="8" customWidth="1"/>
    <col min="17" max="17" width="18" customWidth="1"/>
    <col min="18" max="18" width="11" customWidth="1"/>
    <col min="19" max="19" width="22" customWidth="1"/>
    <col min="20" max="20" width="24" customWidth="1"/>
    <col min="21" max="21" width="23" customWidth="1"/>
    <col min="22" max="22" width="11" customWidth="1"/>
  </cols>
  <sheetData>
    <row r="1" spans="1:22" x14ac:dyDescent="0.2">
      <c r="B1" s="37" t="s">
        <v>0</v>
      </c>
      <c r="C1" s="37" t="s">
        <v>1</v>
      </c>
    </row>
    <row r="2" spans="1:22" x14ac:dyDescent="0.2">
      <c r="B2" s="37" t="s">
        <v>2</v>
      </c>
      <c r="C2" s="37" t="s">
        <v>3</v>
      </c>
    </row>
    <row r="3" spans="1:22" x14ac:dyDescent="0.2">
      <c r="B3" s="37" t="s">
        <v>4</v>
      </c>
      <c r="C3" s="37" t="s">
        <v>5</v>
      </c>
    </row>
    <row r="4" spans="1:22" x14ac:dyDescent="0.2">
      <c r="B4" s="37" t="s">
        <v>6</v>
      </c>
      <c r="C4" s="37">
        <v>1476</v>
      </c>
    </row>
    <row r="5" spans="1:22" x14ac:dyDescent="0.2">
      <c r="B5" s="37" t="s">
        <v>7</v>
      </c>
      <c r="C5" s="37" t="s">
        <v>7</v>
      </c>
    </row>
    <row r="6" spans="1:22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1:22" x14ac:dyDescent="0.2">
      <c r="B7" s="3" t="s">
        <v>14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1:22" x14ac:dyDescent="0.2">
      <c r="B8" s="1" t="s">
        <v>55</v>
      </c>
      <c r="C8" s="1" t="s">
        <v>56</v>
      </c>
      <c r="D8" s="1" t="s">
        <v>94</v>
      </c>
      <c r="E8" s="1" t="s">
        <v>132</v>
      </c>
      <c r="F8" s="1" t="s">
        <v>57</v>
      </c>
      <c r="G8" s="1" t="s">
        <v>133</v>
      </c>
      <c r="H8" s="1" t="s">
        <v>58</v>
      </c>
      <c r="I8" s="1" t="s">
        <v>59</v>
      </c>
      <c r="J8" s="1" t="s">
        <v>95</v>
      </c>
      <c r="K8" s="1" t="s">
        <v>96</v>
      </c>
      <c r="L8" s="1" t="s">
        <v>60</v>
      </c>
      <c r="M8" s="1" t="s">
        <v>61</v>
      </c>
      <c r="N8" s="1" t="s">
        <v>62</v>
      </c>
      <c r="O8" s="1" t="s">
        <v>97</v>
      </c>
      <c r="P8" s="1" t="s">
        <v>98</v>
      </c>
      <c r="Q8" s="1" t="s">
        <v>99</v>
      </c>
      <c r="R8" s="1" t="s">
        <v>63</v>
      </c>
      <c r="S8" s="1" t="s">
        <v>100</v>
      </c>
      <c r="T8" s="1" t="s">
        <v>64</v>
      </c>
      <c r="U8" s="1" t="s">
        <v>101</v>
      </c>
      <c r="V8" s="1" t="s">
        <v>7</v>
      </c>
    </row>
    <row r="9" spans="1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44</v>
      </c>
      <c r="K9" s="1" t="s">
        <v>102</v>
      </c>
      <c r="L9" s="1" t="s">
        <v>7</v>
      </c>
      <c r="M9" s="1" t="s">
        <v>12</v>
      </c>
      <c r="N9" s="1" t="s">
        <v>12</v>
      </c>
      <c r="O9" s="1" t="s">
        <v>145</v>
      </c>
      <c r="P9" s="1" t="s">
        <v>7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1:22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108</v>
      </c>
      <c r="Q10" s="1" t="s">
        <v>109</v>
      </c>
      <c r="R10" s="1" t="s">
        <v>110</v>
      </c>
      <c r="S10" s="1" t="s">
        <v>134</v>
      </c>
      <c r="T10" s="1" t="s">
        <v>135</v>
      </c>
      <c r="U10" s="1" t="s">
        <v>136</v>
      </c>
      <c r="V10" s="1" t="s">
        <v>7</v>
      </c>
    </row>
    <row r="11" spans="1:22" x14ac:dyDescent="0.2">
      <c r="B11" s="1" t="s">
        <v>14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3.15</v>
      </c>
      <c r="L11" s="1" t="s">
        <v>7</v>
      </c>
      <c r="M11" s="38">
        <v>3.1399999999999997E-2</v>
      </c>
      <c r="N11" s="38">
        <v>3.8E-3</v>
      </c>
      <c r="O11" s="39">
        <v>10297260.15</v>
      </c>
      <c r="P11" s="1" t="s">
        <v>7</v>
      </c>
      <c r="Q11" s="39">
        <v>111.54</v>
      </c>
      <c r="R11" s="39">
        <v>12095.01</v>
      </c>
      <c r="S11" s="1" t="s">
        <v>7</v>
      </c>
      <c r="T11" s="38">
        <v>1</v>
      </c>
      <c r="U11" s="38">
        <v>0.33779999999999999</v>
      </c>
      <c r="V11" s="1" t="s">
        <v>7</v>
      </c>
    </row>
    <row r="12" spans="1:22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3.19</v>
      </c>
      <c r="L12" s="1" t="s">
        <v>7</v>
      </c>
      <c r="M12" s="38">
        <v>2.9700000000000001E-2</v>
      </c>
      <c r="N12" s="38">
        <v>2.3E-3</v>
      </c>
      <c r="O12" s="39">
        <v>9997260.1500000004</v>
      </c>
      <c r="P12" s="1" t="s">
        <v>7</v>
      </c>
      <c r="Q12" s="39">
        <v>111.54</v>
      </c>
      <c r="R12" s="39">
        <v>11062.48</v>
      </c>
      <c r="S12" s="1" t="s">
        <v>7</v>
      </c>
      <c r="T12" s="38">
        <v>0.91459999999999997</v>
      </c>
      <c r="U12" s="38">
        <v>0.30890000000000001</v>
      </c>
      <c r="V12" s="1" t="s">
        <v>7</v>
      </c>
    </row>
    <row r="13" spans="1:22" x14ac:dyDescent="0.2">
      <c r="B13" s="1" t="s">
        <v>138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3.73</v>
      </c>
      <c r="L13" s="1" t="s">
        <v>7</v>
      </c>
      <c r="M13" s="38">
        <v>2.46E-2</v>
      </c>
      <c r="N13" s="38">
        <v>-0.01</v>
      </c>
      <c r="O13" s="39">
        <v>3930460.35</v>
      </c>
      <c r="P13" s="1" t="s">
        <v>7</v>
      </c>
      <c r="Q13" s="39">
        <v>99.18</v>
      </c>
      <c r="R13" s="39">
        <v>4630.22</v>
      </c>
      <c r="S13" s="1" t="s">
        <v>7</v>
      </c>
      <c r="T13" s="38">
        <v>0.38279999999999997</v>
      </c>
      <c r="U13" s="38">
        <v>0.1293</v>
      </c>
      <c r="V13" s="1" t="s">
        <v>7</v>
      </c>
    </row>
    <row r="14" spans="1:22" x14ac:dyDescent="0.2">
      <c r="B14" s="40" t="s">
        <v>147</v>
      </c>
      <c r="C14" s="41">
        <v>2310498</v>
      </c>
      <c r="D14" s="40" t="s">
        <v>114</v>
      </c>
      <c r="E14" s="40" t="s">
        <v>148</v>
      </c>
      <c r="F14" s="41">
        <v>520032046</v>
      </c>
      <c r="G14" s="40" t="s">
        <v>149</v>
      </c>
      <c r="H14" s="40" t="s">
        <v>150</v>
      </c>
      <c r="I14" s="40" t="s">
        <v>79</v>
      </c>
      <c r="J14" s="40" t="s">
        <v>7</v>
      </c>
      <c r="K14" s="43">
        <v>6.79</v>
      </c>
      <c r="L14" s="40" t="s">
        <v>80</v>
      </c>
      <c r="M14" s="42">
        <v>1E-3</v>
      </c>
      <c r="N14" s="42">
        <v>-0.01</v>
      </c>
      <c r="O14" s="43">
        <v>62000</v>
      </c>
      <c r="P14" s="43">
        <v>107.79</v>
      </c>
      <c r="Q14" s="43">
        <v>0</v>
      </c>
      <c r="R14" s="43">
        <v>66.83</v>
      </c>
      <c r="S14" s="42">
        <v>0</v>
      </c>
      <c r="T14" s="42">
        <v>5.4999999999999997E-3</v>
      </c>
      <c r="U14" s="42">
        <v>1.9E-3</v>
      </c>
      <c r="V14" s="40" t="s">
        <v>7</v>
      </c>
    </row>
    <row r="15" spans="1:22" x14ac:dyDescent="0.2">
      <c r="A15" s="45"/>
      <c r="B15" s="40" t="s">
        <v>151</v>
      </c>
      <c r="C15" s="41">
        <v>1940659</v>
      </c>
      <c r="D15" s="40" t="s">
        <v>114</v>
      </c>
      <c r="E15" s="40" t="s">
        <v>148</v>
      </c>
      <c r="F15" s="41">
        <v>520032640</v>
      </c>
      <c r="G15" s="40" t="s">
        <v>149</v>
      </c>
      <c r="H15" s="40" t="s">
        <v>150</v>
      </c>
      <c r="I15" s="40" t="s">
        <v>79</v>
      </c>
      <c r="J15" s="40" t="s">
        <v>7</v>
      </c>
      <c r="K15" s="43">
        <v>4.91</v>
      </c>
      <c r="L15" s="40" t="s">
        <v>80</v>
      </c>
      <c r="M15" s="42">
        <v>1.7500000000000002E-2</v>
      </c>
      <c r="N15" s="42">
        <v>-1.37E-2</v>
      </c>
      <c r="O15" s="43">
        <v>355065.15</v>
      </c>
      <c r="P15" s="43">
        <v>118.4</v>
      </c>
      <c r="Q15" s="43">
        <v>0</v>
      </c>
      <c r="R15" s="43">
        <v>420.4</v>
      </c>
      <c r="S15" s="42">
        <v>1E-4</v>
      </c>
      <c r="T15" s="42">
        <v>3.4799999999999998E-2</v>
      </c>
      <c r="U15" s="42">
        <v>1.17E-2</v>
      </c>
      <c r="V15" s="40" t="s">
        <v>7</v>
      </c>
    </row>
    <row r="16" spans="1:22" x14ac:dyDescent="0.2">
      <c r="A16" s="45"/>
      <c r="B16" s="40" t="s">
        <v>152</v>
      </c>
      <c r="C16" s="41">
        <v>6000236</v>
      </c>
      <c r="D16" s="40" t="s">
        <v>114</v>
      </c>
      <c r="E16" s="40" t="s">
        <v>148</v>
      </c>
      <c r="F16" s="41">
        <v>520000472</v>
      </c>
      <c r="G16" s="40" t="s">
        <v>153</v>
      </c>
      <c r="H16" s="40" t="s">
        <v>78</v>
      </c>
      <c r="I16" s="40" t="s">
        <v>79</v>
      </c>
      <c r="J16" s="40" t="s">
        <v>7</v>
      </c>
      <c r="K16" s="43">
        <v>3.42</v>
      </c>
      <c r="L16" s="40" t="s">
        <v>80</v>
      </c>
      <c r="M16" s="42">
        <v>4.4999999999999998E-2</v>
      </c>
      <c r="N16" s="42">
        <v>-1.6899999999999998E-2</v>
      </c>
      <c r="O16" s="43">
        <v>133058</v>
      </c>
      <c r="P16" s="43">
        <v>129.86000000000001</v>
      </c>
      <c r="Q16" s="43">
        <v>0</v>
      </c>
      <c r="R16" s="43">
        <v>172.79</v>
      </c>
      <c r="S16" s="42">
        <v>0</v>
      </c>
      <c r="T16" s="42">
        <v>1.43E-2</v>
      </c>
      <c r="U16" s="42">
        <v>4.7999999999999996E-3</v>
      </c>
      <c r="V16" s="40" t="s">
        <v>7</v>
      </c>
    </row>
    <row r="17" spans="1:22" x14ac:dyDescent="0.2">
      <c r="A17" s="45"/>
      <c r="B17" s="40" t="s">
        <v>154</v>
      </c>
      <c r="C17" s="41">
        <v>1145564</v>
      </c>
      <c r="D17" s="40" t="s">
        <v>114</v>
      </c>
      <c r="E17" s="40" t="s">
        <v>148</v>
      </c>
      <c r="F17" s="41">
        <v>513569780</v>
      </c>
      <c r="G17" s="40" t="s">
        <v>155</v>
      </c>
      <c r="H17" s="40" t="s">
        <v>156</v>
      </c>
      <c r="I17" s="40" t="s">
        <v>157</v>
      </c>
      <c r="J17" s="40" t="s">
        <v>7</v>
      </c>
      <c r="K17" s="43">
        <v>3.62</v>
      </c>
      <c r="L17" s="40" t="s">
        <v>80</v>
      </c>
      <c r="M17" s="42">
        <v>8.3000000000000001E-3</v>
      </c>
      <c r="N17" s="42">
        <v>-1.6799999999999999E-2</v>
      </c>
      <c r="O17" s="43">
        <v>186636</v>
      </c>
      <c r="P17" s="43">
        <v>113.15</v>
      </c>
      <c r="Q17" s="43">
        <v>0.8</v>
      </c>
      <c r="R17" s="43">
        <v>211.98</v>
      </c>
      <c r="S17" s="42">
        <v>1E-4</v>
      </c>
      <c r="T17" s="42">
        <v>1.7500000000000002E-2</v>
      </c>
      <c r="U17" s="42">
        <v>5.8999999999999999E-3</v>
      </c>
      <c r="V17" s="40" t="s">
        <v>7</v>
      </c>
    </row>
    <row r="18" spans="1:22" x14ac:dyDescent="0.2">
      <c r="A18" s="45"/>
      <c r="B18" s="40" t="s">
        <v>158</v>
      </c>
      <c r="C18" s="41">
        <v>1133487</v>
      </c>
      <c r="D18" s="40" t="s">
        <v>114</v>
      </c>
      <c r="E18" s="40" t="s">
        <v>148</v>
      </c>
      <c r="F18" s="41">
        <v>511659401</v>
      </c>
      <c r="G18" s="40" t="s">
        <v>155</v>
      </c>
      <c r="H18" s="40" t="s">
        <v>159</v>
      </c>
      <c r="I18" s="40" t="s">
        <v>79</v>
      </c>
      <c r="J18" s="40" t="s">
        <v>7</v>
      </c>
      <c r="K18" s="43">
        <v>3.43</v>
      </c>
      <c r="L18" s="40" t="s">
        <v>80</v>
      </c>
      <c r="M18" s="42">
        <v>2.3400000000000001E-2</v>
      </c>
      <c r="N18" s="42">
        <v>-1.26E-2</v>
      </c>
      <c r="O18" s="43">
        <v>121882.35</v>
      </c>
      <c r="P18" s="43">
        <v>117.41</v>
      </c>
      <c r="Q18" s="43">
        <v>0</v>
      </c>
      <c r="R18" s="43">
        <v>143.1</v>
      </c>
      <c r="S18" s="42">
        <v>0</v>
      </c>
      <c r="T18" s="42">
        <v>1.18E-2</v>
      </c>
      <c r="U18" s="42">
        <v>4.0000000000000001E-3</v>
      </c>
      <c r="V18" s="40" t="s">
        <v>7</v>
      </c>
    </row>
    <row r="19" spans="1:22" x14ac:dyDescent="0.2">
      <c r="A19" s="45"/>
      <c r="B19" s="40" t="s">
        <v>160</v>
      </c>
      <c r="C19" s="41">
        <v>1133149</v>
      </c>
      <c r="D19" s="40" t="s">
        <v>114</v>
      </c>
      <c r="E19" s="40" t="s">
        <v>148</v>
      </c>
      <c r="F19" s="41">
        <v>520026683</v>
      </c>
      <c r="G19" s="40" t="s">
        <v>155</v>
      </c>
      <c r="H19" s="40" t="s">
        <v>159</v>
      </c>
      <c r="I19" s="40" t="s">
        <v>79</v>
      </c>
      <c r="J19" s="40" t="s">
        <v>7</v>
      </c>
      <c r="K19" s="43">
        <v>3.69</v>
      </c>
      <c r="L19" s="40" t="s">
        <v>80</v>
      </c>
      <c r="M19" s="42">
        <v>3.2000000000000001E-2</v>
      </c>
      <c r="N19" s="42">
        <v>-1.2800000000000001E-2</v>
      </c>
      <c r="O19" s="43">
        <v>145688</v>
      </c>
      <c r="P19" s="43">
        <v>121.89</v>
      </c>
      <c r="Q19" s="43">
        <v>0</v>
      </c>
      <c r="R19" s="43">
        <v>177.58</v>
      </c>
      <c r="S19" s="42">
        <v>1E-4</v>
      </c>
      <c r="T19" s="42">
        <v>1.47E-2</v>
      </c>
      <c r="U19" s="42">
        <v>5.0000000000000001E-3</v>
      </c>
      <c r="V19" s="40" t="s">
        <v>7</v>
      </c>
    </row>
    <row r="20" spans="1:22" x14ac:dyDescent="0.2">
      <c r="A20" s="45"/>
      <c r="B20" s="40" t="s">
        <v>161</v>
      </c>
      <c r="C20" s="41">
        <v>7590219</v>
      </c>
      <c r="D20" s="40" t="s">
        <v>114</v>
      </c>
      <c r="E20" s="40" t="s">
        <v>148</v>
      </c>
      <c r="F20" s="41">
        <v>520001736</v>
      </c>
      <c r="G20" s="40" t="s">
        <v>155</v>
      </c>
      <c r="H20" s="40" t="s">
        <v>159</v>
      </c>
      <c r="I20" s="40" t="s">
        <v>79</v>
      </c>
      <c r="J20" s="40" t="s">
        <v>7</v>
      </c>
      <c r="K20" s="43">
        <v>5.2</v>
      </c>
      <c r="L20" s="40" t="s">
        <v>80</v>
      </c>
      <c r="M20" s="42">
        <v>5.0000000000000001E-3</v>
      </c>
      <c r="N20" s="42">
        <v>-9.1999999999999998E-3</v>
      </c>
      <c r="O20" s="43">
        <v>188798.4</v>
      </c>
      <c r="P20" s="43">
        <v>109.92</v>
      </c>
      <c r="Q20" s="43">
        <v>0.48</v>
      </c>
      <c r="R20" s="43">
        <v>208.01</v>
      </c>
      <c r="S20" s="42">
        <v>2.0000000000000001E-4</v>
      </c>
      <c r="T20" s="42">
        <v>1.72E-2</v>
      </c>
      <c r="U20" s="42">
        <v>5.7999999999999996E-3</v>
      </c>
      <c r="V20" s="40" t="s">
        <v>7</v>
      </c>
    </row>
    <row r="21" spans="1:22" x14ac:dyDescent="0.2">
      <c r="A21" s="45"/>
      <c r="B21" s="40" t="s">
        <v>162</v>
      </c>
      <c r="C21" s="41">
        <v>2260545</v>
      </c>
      <c r="D21" s="40" t="s">
        <v>114</v>
      </c>
      <c r="E21" s="40" t="s">
        <v>148</v>
      </c>
      <c r="F21" s="41">
        <v>520024126</v>
      </c>
      <c r="G21" s="40" t="s">
        <v>155</v>
      </c>
      <c r="H21" s="40" t="s">
        <v>159</v>
      </c>
      <c r="I21" s="40" t="s">
        <v>79</v>
      </c>
      <c r="J21" s="40" t="s">
        <v>7</v>
      </c>
      <c r="K21" s="43">
        <v>4</v>
      </c>
      <c r="L21" s="40" t="s">
        <v>80</v>
      </c>
      <c r="M21" s="42">
        <v>2.4E-2</v>
      </c>
      <c r="N21" s="42">
        <v>-1.3100000000000001E-2</v>
      </c>
      <c r="O21" s="43">
        <v>224156.59</v>
      </c>
      <c r="P21" s="43">
        <v>120.03</v>
      </c>
      <c r="Q21" s="43">
        <v>0</v>
      </c>
      <c r="R21" s="43">
        <v>269.05</v>
      </c>
      <c r="S21" s="42">
        <v>4.0000000000000002E-4</v>
      </c>
      <c r="T21" s="42">
        <v>2.2200000000000001E-2</v>
      </c>
      <c r="U21" s="42">
        <v>7.4999999999999997E-3</v>
      </c>
      <c r="V21" s="40" t="s">
        <v>7</v>
      </c>
    </row>
    <row r="22" spans="1:22" x14ac:dyDescent="0.2">
      <c r="A22" s="45"/>
      <c r="B22" s="40" t="s">
        <v>163</v>
      </c>
      <c r="C22" s="41">
        <v>3230422</v>
      </c>
      <c r="D22" s="40" t="s">
        <v>114</v>
      </c>
      <c r="E22" s="40" t="s">
        <v>148</v>
      </c>
      <c r="F22" s="41">
        <v>520037789</v>
      </c>
      <c r="G22" s="40" t="s">
        <v>155</v>
      </c>
      <c r="H22" s="40" t="s">
        <v>159</v>
      </c>
      <c r="I22" s="40" t="s">
        <v>79</v>
      </c>
      <c r="J22" s="40" t="s">
        <v>7</v>
      </c>
      <c r="K22" s="43">
        <v>7.41</v>
      </c>
      <c r="L22" s="40" t="s">
        <v>80</v>
      </c>
      <c r="M22" s="42">
        <v>2.5000000000000001E-3</v>
      </c>
      <c r="N22" s="42">
        <v>-3.3999999999999998E-3</v>
      </c>
      <c r="O22" s="43">
        <v>254103.22</v>
      </c>
      <c r="P22" s="43">
        <v>104.95</v>
      </c>
      <c r="Q22" s="43">
        <v>5.46</v>
      </c>
      <c r="R22" s="43">
        <v>272.14</v>
      </c>
      <c r="S22" s="42">
        <v>2.0000000000000001E-4</v>
      </c>
      <c r="T22" s="42">
        <v>2.2499999999999999E-2</v>
      </c>
      <c r="U22" s="42">
        <v>7.6E-3</v>
      </c>
      <c r="V22" s="40" t="s">
        <v>7</v>
      </c>
    </row>
    <row r="23" spans="1:22" x14ac:dyDescent="0.2">
      <c r="A23" s="45"/>
      <c r="B23" s="40" t="s">
        <v>164</v>
      </c>
      <c r="C23" s="41">
        <v>2300184</v>
      </c>
      <c r="D23" s="40" t="s">
        <v>114</v>
      </c>
      <c r="E23" s="40" t="s">
        <v>148</v>
      </c>
      <c r="F23" s="41">
        <v>520031931</v>
      </c>
      <c r="G23" s="40" t="s">
        <v>165</v>
      </c>
      <c r="H23" s="40" t="s">
        <v>166</v>
      </c>
      <c r="I23" s="40" t="s">
        <v>79</v>
      </c>
      <c r="J23" s="40" t="s">
        <v>7</v>
      </c>
      <c r="K23" s="43">
        <v>2.68</v>
      </c>
      <c r="L23" s="40" t="s">
        <v>80</v>
      </c>
      <c r="M23" s="42">
        <v>2.1999999999999999E-2</v>
      </c>
      <c r="N23" s="42">
        <v>-1.6299999999999999E-2</v>
      </c>
      <c r="O23" s="43">
        <v>379486</v>
      </c>
      <c r="P23" s="43">
        <v>113.81</v>
      </c>
      <c r="Q23" s="43">
        <v>0</v>
      </c>
      <c r="R23" s="43">
        <v>431.89</v>
      </c>
      <c r="S23" s="42">
        <v>4.0000000000000002E-4</v>
      </c>
      <c r="T23" s="42">
        <v>3.5700000000000003E-2</v>
      </c>
      <c r="U23" s="42">
        <v>1.21E-2</v>
      </c>
      <c r="V23" s="40" t="s">
        <v>7</v>
      </c>
    </row>
    <row r="24" spans="1:22" x14ac:dyDescent="0.2">
      <c r="A24" s="45"/>
      <c r="B24" s="40" t="s">
        <v>167</v>
      </c>
      <c r="C24" s="41">
        <v>1260603</v>
      </c>
      <c r="D24" s="40" t="s">
        <v>114</v>
      </c>
      <c r="E24" s="40" t="s">
        <v>148</v>
      </c>
      <c r="F24" s="41">
        <v>520033234</v>
      </c>
      <c r="G24" s="40" t="s">
        <v>168</v>
      </c>
      <c r="H24" s="40" t="s">
        <v>166</v>
      </c>
      <c r="I24" s="40" t="s">
        <v>79</v>
      </c>
      <c r="J24" s="40" t="s">
        <v>7</v>
      </c>
      <c r="K24" s="43">
        <v>3.82</v>
      </c>
      <c r="L24" s="40" t="s">
        <v>80</v>
      </c>
      <c r="M24" s="42">
        <v>0.04</v>
      </c>
      <c r="N24" s="42">
        <v>6.7999999999999996E-3</v>
      </c>
      <c r="O24" s="43">
        <v>245224</v>
      </c>
      <c r="P24" s="43">
        <v>115.7</v>
      </c>
      <c r="Q24" s="43">
        <v>5.01</v>
      </c>
      <c r="R24" s="43">
        <v>288.74</v>
      </c>
      <c r="S24" s="42">
        <v>1E-4</v>
      </c>
      <c r="T24" s="42">
        <v>2.3900000000000001E-2</v>
      </c>
      <c r="U24" s="42">
        <v>8.0999999999999996E-3</v>
      </c>
      <c r="V24" s="40" t="s">
        <v>7</v>
      </c>
    </row>
    <row r="25" spans="1:22" x14ac:dyDescent="0.2">
      <c r="A25" s="45"/>
      <c r="B25" s="40" t="s">
        <v>169</v>
      </c>
      <c r="C25" s="41">
        <v>6130181</v>
      </c>
      <c r="D25" s="40" t="s">
        <v>114</v>
      </c>
      <c r="E25" s="40" t="s">
        <v>148</v>
      </c>
      <c r="F25" s="41">
        <v>520017807</v>
      </c>
      <c r="G25" s="40" t="s">
        <v>155</v>
      </c>
      <c r="H25" s="40" t="s">
        <v>166</v>
      </c>
      <c r="I25" s="40" t="s">
        <v>79</v>
      </c>
      <c r="J25" s="40" t="s">
        <v>7</v>
      </c>
      <c r="K25" s="43">
        <v>1.52</v>
      </c>
      <c r="L25" s="40" t="s">
        <v>80</v>
      </c>
      <c r="M25" s="42">
        <v>3.4799999999999998E-2</v>
      </c>
      <c r="N25" s="42">
        <v>-1.2500000000000001E-2</v>
      </c>
      <c r="O25" s="43">
        <v>123185.57</v>
      </c>
      <c r="P25" s="43">
        <v>109.41</v>
      </c>
      <c r="Q25" s="43">
        <v>61.12</v>
      </c>
      <c r="R25" s="43">
        <v>195.9</v>
      </c>
      <c r="S25" s="42">
        <v>5.0000000000000001E-4</v>
      </c>
      <c r="T25" s="42">
        <v>1.6199999999999999E-2</v>
      </c>
      <c r="U25" s="42">
        <v>5.4999999999999997E-3</v>
      </c>
      <c r="V25" s="40" t="s">
        <v>7</v>
      </c>
    </row>
    <row r="26" spans="1:22" x14ac:dyDescent="0.2">
      <c r="A26" s="45"/>
      <c r="B26" s="40" t="s">
        <v>170</v>
      </c>
      <c r="C26" s="41">
        <v>3230208</v>
      </c>
      <c r="D26" s="40" t="s">
        <v>114</v>
      </c>
      <c r="E26" s="40" t="s">
        <v>148</v>
      </c>
      <c r="F26" s="41">
        <v>520037789</v>
      </c>
      <c r="G26" s="40" t="s">
        <v>155</v>
      </c>
      <c r="H26" s="40" t="s">
        <v>166</v>
      </c>
      <c r="I26" s="40" t="s">
        <v>79</v>
      </c>
      <c r="J26" s="40" t="s">
        <v>7</v>
      </c>
      <c r="K26" s="43">
        <v>3.31</v>
      </c>
      <c r="L26" s="40" t="s">
        <v>80</v>
      </c>
      <c r="M26" s="42">
        <v>2.3E-2</v>
      </c>
      <c r="N26" s="42">
        <v>-1.0800000000000001E-2</v>
      </c>
      <c r="O26" s="43">
        <v>0.99</v>
      </c>
      <c r="P26" s="43">
        <v>116.25</v>
      </c>
      <c r="Q26" s="43">
        <v>0</v>
      </c>
      <c r="R26" s="43">
        <v>0</v>
      </c>
      <c r="S26" s="42">
        <v>0</v>
      </c>
      <c r="T26" s="42">
        <v>0</v>
      </c>
      <c r="U26" s="42">
        <v>0</v>
      </c>
      <c r="V26" s="40" t="s">
        <v>7</v>
      </c>
    </row>
    <row r="27" spans="1:22" x14ac:dyDescent="0.2">
      <c r="A27" s="45"/>
      <c r="B27" s="40" t="s">
        <v>171</v>
      </c>
      <c r="C27" s="41">
        <v>3230273</v>
      </c>
      <c r="D27" s="40" t="s">
        <v>114</v>
      </c>
      <c r="E27" s="40" t="s">
        <v>148</v>
      </c>
      <c r="F27" s="41">
        <v>520037789</v>
      </c>
      <c r="G27" s="40" t="s">
        <v>155</v>
      </c>
      <c r="H27" s="40" t="s">
        <v>166</v>
      </c>
      <c r="I27" s="40" t="s">
        <v>79</v>
      </c>
      <c r="J27" s="40" t="s">
        <v>7</v>
      </c>
      <c r="K27" s="43">
        <v>5.42</v>
      </c>
      <c r="L27" s="40" t="s">
        <v>80</v>
      </c>
      <c r="M27" s="42">
        <v>2.2499999999999999E-2</v>
      </c>
      <c r="N27" s="42">
        <v>-4.0000000000000001E-3</v>
      </c>
      <c r="O27" s="43">
        <v>255568.46</v>
      </c>
      <c r="P27" s="43">
        <v>119.35</v>
      </c>
      <c r="Q27" s="43">
        <v>12.06</v>
      </c>
      <c r="R27" s="43">
        <v>317.08</v>
      </c>
      <c r="S27" s="42">
        <v>2.0000000000000001E-4</v>
      </c>
      <c r="T27" s="42">
        <v>2.6200000000000001E-2</v>
      </c>
      <c r="U27" s="42">
        <v>8.8000000000000005E-3</v>
      </c>
      <c r="V27" s="40" t="s">
        <v>7</v>
      </c>
    </row>
    <row r="28" spans="1:22" x14ac:dyDescent="0.2">
      <c r="A28" s="45"/>
      <c r="B28" s="40" t="s">
        <v>172</v>
      </c>
      <c r="C28" s="41">
        <v>1139849</v>
      </c>
      <c r="D28" s="40" t="s">
        <v>114</v>
      </c>
      <c r="E28" s="40" t="s">
        <v>148</v>
      </c>
      <c r="F28" s="41">
        <v>520044520</v>
      </c>
      <c r="G28" s="40" t="s">
        <v>155</v>
      </c>
      <c r="H28" s="40" t="s">
        <v>173</v>
      </c>
      <c r="I28" s="40" t="s">
        <v>157</v>
      </c>
      <c r="J28" s="40" t="s">
        <v>7</v>
      </c>
      <c r="K28" s="43">
        <v>3.49</v>
      </c>
      <c r="L28" s="40" t="s">
        <v>80</v>
      </c>
      <c r="M28" s="42">
        <v>2.5000000000000001E-2</v>
      </c>
      <c r="N28" s="42">
        <v>-1.06E-2</v>
      </c>
      <c r="O28" s="43">
        <v>161464.91</v>
      </c>
      <c r="P28" s="43">
        <v>117.24</v>
      </c>
      <c r="Q28" s="43">
        <v>13.39</v>
      </c>
      <c r="R28" s="43">
        <v>202.69</v>
      </c>
      <c r="S28" s="42">
        <v>4.0000000000000002E-4</v>
      </c>
      <c r="T28" s="42">
        <v>1.6799999999999999E-2</v>
      </c>
      <c r="U28" s="42">
        <v>5.7000000000000002E-3</v>
      </c>
      <c r="V28" s="40" t="s">
        <v>7</v>
      </c>
    </row>
    <row r="29" spans="1:22" x14ac:dyDescent="0.2">
      <c r="A29" s="45"/>
      <c r="B29" s="40" t="s">
        <v>174</v>
      </c>
      <c r="C29" s="41">
        <v>1121763</v>
      </c>
      <c r="D29" s="40" t="s">
        <v>114</v>
      </c>
      <c r="E29" s="40" t="s">
        <v>148</v>
      </c>
      <c r="F29" s="41">
        <v>513534974</v>
      </c>
      <c r="G29" s="40" t="s">
        <v>187</v>
      </c>
      <c r="H29" s="40" t="s">
        <v>173</v>
      </c>
      <c r="I29" s="40" t="s">
        <v>157</v>
      </c>
      <c r="J29" s="40" t="s">
        <v>7</v>
      </c>
      <c r="K29" s="43">
        <v>2.39</v>
      </c>
      <c r="L29" s="40" t="s">
        <v>80</v>
      </c>
      <c r="M29" s="42">
        <v>3.95E-2</v>
      </c>
      <c r="N29" s="42">
        <v>-1.12E-2</v>
      </c>
      <c r="O29" s="43">
        <v>208574.6</v>
      </c>
      <c r="P29" s="43">
        <v>122.39</v>
      </c>
      <c r="Q29" s="43">
        <v>0</v>
      </c>
      <c r="R29" s="43">
        <v>255.27</v>
      </c>
      <c r="S29" s="42">
        <v>5.9999999999999995E-4</v>
      </c>
      <c r="T29" s="42">
        <v>2.1100000000000001E-2</v>
      </c>
      <c r="U29" s="42">
        <v>7.1000000000000004E-3</v>
      </c>
      <c r="V29" s="40" t="s">
        <v>7</v>
      </c>
    </row>
    <row r="30" spans="1:22" x14ac:dyDescent="0.2">
      <c r="A30" s="45"/>
      <c r="B30" s="40" t="s">
        <v>175</v>
      </c>
      <c r="C30" s="41">
        <v>1139542</v>
      </c>
      <c r="D30" s="40" t="s">
        <v>114</v>
      </c>
      <c r="E30" s="40" t="s">
        <v>148</v>
      </c>
      <c r="F30" s="41">
        <v>510216054</v>
      </c>
      <c r="G30" s="40" t="s">
        <v>153</v>
      </c>
      <c r="H30" s="40" t="s">
        <v>176</v>
      </c>
      <c r="I30" s="40" t="s">
        <v>79</v>
      </c>
      <c r="J30" s="40" t="s">
        <v>7</v>
      </c>
      <c r="K30" s="43">
        <v>3.88</v>
      </c>
      <c r="L30" s="40" t="s">
        <v>80</v>
      </c>
      <c r="M30" s="42">
        <v>1.9400000000000001E-2</v>
      </c>
      <c r="N30" s="42">
        <v>-1.26E-2</v>
      </c>
      <c r="O30" s="43">
        <v>270920.82</v>
      </c>
      <c r="P30" s="43">
        <v>116.82</v>
      </c>
      <c r="Q30" s="43">
        <v>0</v>
      </c>
      <c r="R30" s="43">
        <v>316.49</v>
      </c>
      <c r="S30" s="42">
        <v>5.9999999999999995E-4</v>
      </c>
      <c r="T30" s="42">
        <v>2.6200000000000001E-2</v>
      </c>
      <c r="U30" s="42">
        <v>8.8000000000000005E-3</v>
      </c>
      <c r="V30" s="40" t="s">
        <v>7</v>
      </c>
    </row>
    <row r="31" spans="1:22" x14ac:dyDescent="0.2">
      <c r="A31" s="45"/>
      <c r="B31" s="40" t="s">
        <v>177</v>
      </c>
      <c r="C31" s="41">
        <v>1130467</v>
      </c>
      <c r="D31" s="40" t="s">
        <v>114</v>
      </c>
      <c r="E31" s="40" t="s">
        <v>148</v>
      </c>
      <c r="F31" s="41">
        <v>513765859</v>
      </c>
      <c r="G31" s="40" t="s">
        <v>155</v>
      </c>
      <c r="H31" s="40" t="s">
        <v>173</v>
      </c>
      <c r="I31" s="40" t="s">
        <v>157</v>
      </c>
      <c r="J31" s="40" t="s">
        <v>7</v>
      </c>
      <c r="K31" s="43">
        <v>0.91</v>
      </c>
      <c r="L31" s="40" t="s">
        <v>80</v>
      </c>
      <c r="M31" s="42">
        <v>3.3000000000000002E-2</v>
      </c>
      <c r="N31" s="42">
        <v>-9.7000000000000003E-3</v>
      </c>
      <c r="O31" s="43">
        <v>225682.71</v>
      </c>
      <c r="P31" s="43">
        <v>106.51</v>
      </c>
      <c r="Q31" s="43">
        <v>0</v>
      </c>
      <c r="R31" s="43">
        <v>240.37</v>
      </c>
      <c r="S31" s="42">
        <v>5.0000000000000001E-4</v>
      </c>
      <c r="T31" s="42">
        <v>1.9900000000000001E-2</v>
      </c>
      <c r="U31" s="42">
        <v>6.7000000000000002E-3</v>
      </c>
      <c r="V31" s="40" t="s">
        <v>7</v>
      </c>
    </row>
    <row r="32" spans="1:22" x14ac:dyDescent="0.2">
      <c r="A32" s="45"/>
      <c r="B32" s="40" t="s">
        <v>178</v>
      </c>
      <c r="C32" s="41">
        <v>1129733</v>
      </c>
      <c r="D32" s="40" t="s">
        <v>114</v>
      </c>
      <c r="E32" s="40" t="s">
        <v>148</v>
      </c>
      <c r="F32" s="41">
        <v>520036104</v>
      </c>
      <c r="G32" s="40" t="s">
        <v>208</v>
      </c>
      <c r="H32" s="40" t="s">
        <v>179</v>
      </c>
      <c r="I32" s="40" t="s">
        <v>79</v>
      </c>
      <c r="J32" s="40" t="s">
        <v>7</v>
      </c>
      <c r="K32" s="43">
        <v>1.97</v>
      </c>
      <c r="L32" s="40" t="s">
        <v>80</v>
      </c>
      <c r="M32" s="42">
        <v>4.3400000000000001E-2</v>
      </c>
      <c r="N32" s="42">
        <v>-9.1000000000000004E-3</v>
      </c>
      <c r="O32" s="43">
        <v>239944</v>
      </c>
      <c r="P32" s="43">
        <v>114.48</v>
      </c>
      <c r="Q32" s="43">
        <v>0</v>
      </c>
      <c r="R32" s="43">
        <v>274.69</v>
      </c>
      <c r="S32" s="42">
        <v>2.0000000000000001E-4</v>
      </c>
      <c r="T32" s="42">
        <v>2.2700000000000001E-2</v>
      </c>
      <c r="U32" s="42">
        <v>7.7000000000000002E-3</v>
      </c>
      <c r="V32" s="40" t="s">
        <v>7</v>
      </c>
    </row>
    <row r="33" spans="1:22" x14ac:dyDescent="0.2">
      <c r="A33" s="45"/>
      <c r="B33" s="40" t="s">
        <v>180</v>
      </c>
      <c r="C33" s="41">
        <v>6120240</v>
      </c>
      <c r="D33" s="40" t="s">
        <v>114</v>
      </c>
      <c r="E33" s="40" t="s">
        <v>148</v>
      </c>
      <c r="F33" s="41">
        <v>520020116</v>
      </c>
      <c r="G33" s="40" t="s">
        <v>155</v>
      </c>
      <c r="H33" s="40" t="s">
        <v>181</v>
      </c>
      <c r="I33" s="40" t="s">
        <v>79</v>
      </c>
      <c r="J33" s="40" t="s">
        <v>7</v>
      </c>
      <c r="K33" s="43">
        <v>2.94</v>
      </c>
      <c r="L33" s="40" t="s">
        <v>80</v>
      </c>
      <c r="M33" s="42">
        <v>2.2499999999999999E-2</v>
      </c>
      <c r="N33" s="42">
        <v>-1E-3</v>
      </c>
      <c r="O33" s="43">
        <v>149020.57999999999</v>
      </c>
      <c r="P33" s="43">
        <v>110.29</v>
      </c>
      <c r="Q33" s="43">
        <v>0.86</v>
      </c>
      <c r="R33" s="43">
        <v>165.22</v>
      </c>
      <c r="S33" s="42">
        <v>2.9999999999999997E-4</v>
      </c>
      <c r="T33" s="42">
        <v>1.37E-2</v>
      </c>
      <c r="U33" s="42">
        <v>4.5999999999999999E-3</v>
      </c>
      <c r="V33" s="40" t="s">
        <v>7</v>
      </c>
    </row>
    <row r="34" spans="1:22" x14ac:dyDescent="0.2">
      <c r="A34" s="45"/>
      <c r="B34" s="1" t="s">
        <v>121</v>
      </c>
      <c r="C34" s="1" t="s">
        <v>7</v>
      </c>
      <c r="D34" s="1" t="s">
        <v>7</v>
      </c>
      <c r="E34" s="1" t="s">
        <v>7</v>
      </c>
      <c r="F34" s="1" t="s">
        <v>7</v>
      </c>
      <c r="G34" s="1" t="s">
        <v>7</v>
      </c>
      <c r="H34" s="1" t="s">
        <v>7</v>
      </c>
      <c r="I34" s="1" t="s">
        <v>7</v>
      </c>
      <c r="J34" s="1" t="s">
        <v>7</v>
      </c>
      <c r="K34" s="39">
        <v>2.8</v>
      </c>
      <c r="L34" s="1" t="s">
        <v>7</v>
      </c>
      <c r="M34" s="38">
        <v>3.3399999999999999E-2</v>
      </c>
      <c r="N34" s="38">
        <v>1.11E-2</v>
      </c>
      <c r="O34" s="39">
        <v>6066799.7999999998</v>
      </c>
      <c r="P34" s="1" t="s">
        <v>7</v>
      </c>
      <c r="Q34" s="39">
        <v>12.36</v>
      </c>
      <c r="R34" s="39">
        <v>6432.26</v>
      </c>
      <c r="S34" s="1" t="s">
        <v>7</v>
      </c>
      <c r="T34" s="38">
        <v>0.53180000000000005</v>
      </c>
      <c r="U34" s="38">
        <v>0.17960000000000001</v>
      </c>
      <c r="V34" s="1" t="s">
        <v>7</v>
      </c>
    </row>
    <row r="35" spans="1:22" x14ac:dyDescent="0.2">
      <c r="A35" s="45"/>
      <c r="B35" s="40" t="s">
        <v>182</v>
      </c>
      <c r="C35" s="41">
        <v>2310167</v>
      </c>
      <c r="D35" s="40" t="s">
        <v>114</v>
      </c>
      <c r="E35" s="40" t="s">
        <v>148</v>
      </c>
      <c r="F35" s="41">
        <v>520032046</v>
      </c>
      <c r="G35" s="40" t="s">
        <v>149</v>
      </c>
      <c r="H35" s="40" t="s">
        <v>150</v>
      </c>
      <c r="I35" s="40" t="s">
        <v>79</v>
      </c>
      <c r="J35" s="40" t="s">
        <v>7</v>
      </c>
      <c r="K35" s="43">
        <v>3.27</v>
      </c>
      <c r="L35" s="40" t="s">
        <v>80</v>
      </c>
      <c r="M35" s="42">
        <v>2.98E-2</v>
      </c>
      <c r="N35" s="42">
        <v>7.7999999999999996E-3</v>
      </c>
      <c r="O35" s="43">
        <v>230777</v>
      </c>
      <c r="P35" s="43">
        <v>109.12</v>
      </c>
      <c r="Q35" s="43">
        <v>0</v>
      </c>
      <c r="R35" s="43">
        <v>251.82</v>
      </c>
      <c r="S35" s="42">
        <v>1E-4</v>
      </c>
      <c r="T35" s="42">
        <v>2.0799999999999999E-2</v>
      </c>
      <c r="U35" s="42">
        <v>7.0000000000000001E-3</v>
      </c>
      <c r="V35" s="40" t="s">
        <v>7</v>
      </c>
    </row>
    <row r="36" spans="1:22" x14ac:dyDescent="0.2">
      <c r="A36" s="45"/>
      <c r="B36" s="40" t="s">
        <v>183</v>
      </c>
      <c r="C36" s="41">
        <v>1143585</v>
      </c>
      <c r="D36" s="40" t="s">
        <v>114</v>
      </c>
      <c r="E36" s="40" t="s">
        <v>148</v>
      </c>
      <c r="F36" s="41">
        <v>520017393</v>
      </c>
      <c r="G36" s="40" t="s">
        <v>155</v>
      </c>
      <c r="H36" s="40" t="s">
        <v>150</v>
      </c>
      <c r="I36" s="40" t="s">
        <v>79</v>
      </c>
      <c r="J36" s="40" t="s">
        <v>7</v>
      </c>
      <c r="K36" s="43">
        <v>3.18</v>
      </c>
      <c r="L36" s="40" t="s">
        <v>80</v>
      </c>
      <c r="M36" s="42">
        <v>1.44E-2</v>
      </c>
      <c r="N36" s="42">
        <v>6.4999999999999997E-3</v>
      </c>
      <c r="O36" s="43">
        <v>116199.36</v>
      </c>
      <c r="P36" s="43">
        <v>102.89</v>
      </c>
      <c r="Q36" s="43">
        <v>0</v>
      </c>
      <c r="R36" s="43">
        <v>119.56</v>
      </c>
      <c r="S36" s="42">
        <v>2.0000000000000001E-4</v>
      </c>
      <c r="T36" s="42">
        <v>9.9000000000000008E-3</v>
      </c>
      <c r="U36" s="42">
        <v>3.3E-3</v>
      </c>
      <c r="V36" s="40" t="s">
        <v>7</v>
      </c>
    </row>
    <row r="37" spans="1:22" x14ac:dyDescent="0.2">
      <c r="A37" s="45"/>
      <c r="B37" s="40" t="s">
        <v>184</v>
      </c>
      <c r="C37" s="41">
        <v>6000202</v>
      </c>
      <c r="D37" s="40" t="s">
        <v>114</v>
      </c>
      <c r="E37" s="40" t="s">
        <v>148</v>
      </c>
      <c r="F37" s="41">
        <v>520000472</v>
      </c>
      <c r="G37" s="40" t="s">
        <v>153</v>
      </c>
      <c r="H37" s="40" t="s">
        <v>78</v>
      </c>
      <c r="I37" s="40" t="s">
        <v>79</v>
      </c>
      <c r="J37" s="40" t="s">
        <v>7</v>
      </c>
      <c r="K37" s="43">
        <v>1.25</v>
      </c>
      <c r="L37" s="40" t="s">
        <v>80</v>
      </c>
      <c r="M37" s="42">
        <v>4.8000000000000001E-2</v>
      </c>
      <c r="N37" s="42">
        <v>3.8E-3</v>
      </c>
      <c r="O37" s="43">
        <v>579560.46</v>
      </c>
      <c r="P37" s="43">
        <v>106.69</v>
      </c>
      <c r="Q37" s="43">
        <v>0</v>
      </c>
      <c r="R37" s="43">
        <v>618.33000000000004</v>
      </c>
      <c r="S37" s="42">
        <v>4.0000000000000002E-4</v>
      </c>
      <c r="T37" s="42">
        <v>5.11E-2</v>
      </c>
      <c r="U37" s="42">
        <v>1.7299999999999999E-2</v>
      </c>
      <c r="V37" s="40" t="s">
        <v>7</v>
      </c>
    </row>
    <row r="38" spans="1:22" x14ac:dyDescent="0.2">
      <c r="A38" s="45"/>
      <c r="B38" s="40" t="s">
        <v>185</v>
      </c>
      <c r="C38" s="41">
        <v>1178235</v>
      </c>
      <c r="D38" s="40" t="s">
        <v>114</v>
      </c>
      <c r="E38" s="40" t="s">
        <v>148</v>
      </c>
      <c r="F38" s="41">
        <v>520043027</v>
      </c>
      <c r="G38" s="40" t="s">
        <v>381</v>
      </c>
      <c r="H38" s="40" t="s">
        <v>159</v>
      </c>
      <c r="I38" s="40" t="s">
        <v>79</v>
      </c>
      <c r="J38" s="40" t="s">
        <v>7</v>
      </c>
      <c r="K38" s="43">
        <v>3.91</v>
      </c>
      <c r="L38" s="40" t="s">
        <v>80</v>
      </c>
      <c r="M38" s="42">
        <v>1.0800000000000001E-2</v>
      </c>
      <c r="N38" s="42">
        <v>8.8000000000000005E-3</v>
      </c>
      <c r="O38" s="43">
        <v>192777</v>
      </c>
      <c r="P38" s="43">
        <v>100.8</v>
      </c>
      <c r="Q38" s="43">
        <v>1</v>
      </c>
      <c r="R38" s="43">
        <v>195.32</v>
      </c>
      <c r="S38" s="42">
        <v>1E-4</v>
      </c>
      <c r="T38" s="42">
        <v>1.61E-2</v>
      </c>
      <c r="U38" s="42">
        <v>5.4000000000000003E-3</v>
      </c>
      <c r="V38" s="40" t="s">
        <v>7</v>
      </c>
    </row>
    <row r="39" spans="1:22" x14ac:dyDescent="0.2">
      <c r="A39" s="45"/>
      <c r="B39" s="40" t="s">
        <v>186</v>
      </c>
      <c r="C39" s="41">
        <v>1157536</v>
      </c>
      <c r="D39" s="40" t="s">
        <v>114</v>
      </c>
      <c r="E39" s="40" t="s">
        <v>148</v>
      </c>
      <c r="F39" s="41">
        <v>510706153</v>
      </c>
      <c r="G39" s="40" t="s">
        <v>187</v>
      </c>
      <c r="H39" s="40" t="s">
        <v>188</v>
      </c>
      <c r="I39" s="40" t="s">
        <v>157</v>
      </c>
      <c r="J39" s="40" t="s">
        <v>7</v>
      </c>
      <c r="K39" s="43">
        <v>1.41</v>
      </c>
      <c r="L39" s="40" t="s">
        <v>80</v>
      </c>
      <c r="M39" s="42">
        <v>1.49E-2</v>
      </c>
      <c r="N39" s="42">
        <v>4.1999999999999997E-3</v>
      </c>
      <c r="O39" s="43">
        <v>264843.7</v>
      </c>
      <c r="P39" s="43">
        <v>101.64</v>
      </c>
      <c r="Q39" s="43">
        <v>0</v>
      </c>
      <c r="R39" s="43">
        <v>269.19</v>
      </c>
      <c r="S39" s="42">
        <v>4.0000000000000002E-4</v>
      </c>
      <c r="T39" s="42">
        <v>2.23E-2</v>
      </c>
      <c r="U39" s="42">
        <v>7.4999999999999997E-3</v>
      </c>
      <c r="V39" s="40" t="s">
        <v>7</v>
      </c>
    </row>
    <row r="40" spans="1:22" x14ac:dyDescent="0.2">
      <c r="A40" s="45"/>
      <c r="B40" s="40" t="s">
        <v>189</v>
      </c>
      <c r="C40" s="41">
        <v>2810299</v>
      </c>
      <c r="D40" s="40" t="s">
        <v>114</v>
      </c>
      <c r="E40" s="40" t="s">
        <v>148</v>
      </c>
      <c r="F40" s="41">
        <v>520027830</v>
      </c>
      <c r="G40" s="40" t="s">
        <v>382</v>
      </c>
      <c r="H40" s="40" t="s">
        <v>159</v>
      </c>
      <c r="I40" s="40" t="s">
        <v>79</v>
      </c>
      <c r="J40" s="40" t="s">
        <v>7</v>
      </c>
      <c r="K40" s="43">
        <v>1.23</v>
      </c>
      <c r="L40" s="40" t="s">
        <v>80</v>
      </c>
      <c r="M40" s="42">
        <v>2.4500000000000001E-2</v>
      </c>
      <c r="N40" s="42">
        <v>3.5999999999999999E-3</v>
      </c>
      <c r="O40" s="43">
        <v>162147.75</v>
      </c>
      <c r="P40" s="43">
        <v>103.21</v>
      </c>
      <c r="Q40" s="43">
        <v>0</v>
      </c>
      <c r="R40" s="43">
        <v>167.35</v>
      </c>
      <c r="S40" s="42">
        <v>1E-4</v>
      </c>
      <c r="T40" s="42">
        <v>1.38E-2</v>
      </c>
      <c r="U40" s="42">
        <v>4.7000000000000002E-3</v>
      </c>
      <c r="V40" s="40" t="s">
        <v>7</v>
      </c>
    </row>
    <row r="41" spans="1:22" x14ac:dyDescent="0.2">
      <c r="A41" s="45"/>
      <c r="B41" s="40" t="s">
        <v>190</v>
      </c>
      <c r="C41" s="41">
        <v>3900354</v>
      </c>
      <c r="D41" s="40" t="s">
        <v>114</v>
      </c>
      <c r="E41" s="40" t="s">
        <v>148</v>
      </c>
      <c r="F41" s="41">
        <v>520038506</v>
      </c>
      <c r="G41" s="40" t="s">
        <v>155</v>
      </c>
      <c r="H41" s="40" t="s">
        <v>166</v>
      </c>
      <c r="I41" s="40" t="s">
        <v>79</v>
      </c>
      <c r="J41" s="40" t="s">
        <v>7</v>
      </c>
      <c r="K41" s="43">
        <v>2.76</v>
      </c>
      <c r="L41" s="40" t="s">
        <v>80</v>
      </c>
      <c r="M41" s="42">
        <v>3.85E-2</v>
      </c>
      <c r="N41" s="42">
        <v>9.4000000000000004E-3</v>
      </c>
      <c r="O41" s="43">
        <v>177937</v>
      </c>
      <c r="P41" s="43">
        <v>111.5</v>
      </c>
      <c r="Q41" s="43">
        <v>0</v>
      </c>
      <c r="R41" s="43">
        <v>198.4</v>
      </c>
      <c r="S41" s="42">
        <v>2.0000000000000001E-4</v>
      </c>
      <c r="T41" s="42">
        <v>1.6400000000000001E-2</v>
      </c>
      <c r="U41" s="42">
        <v>5.4999999999999997E-3</v>
      </c>
      <c r="V41" s="40" t="s">
        <v>7</v>
      </c>
    </row>
    <row r="42" spans="1:22" x14ac:dyDescent="0.2">
      <c r="A42" s="45"/>
      <c r="B42" s="40" t="s">
        <v>191</v>
      </c>
      <c r="C42" s="41">
        <v>1138494</v>
      </c>
      <c r="D42" s="40" t="s">
        <v>114</v>
      </c>
      <c r="E42" s="40" t="s">
        <v>148</v>
      </c>
      <c r="F42" s="41">
        <v>520041997</v>
      </c>
      <c r="G42" s="40" t="s">
        <v>383</v>
      </c>
      <c r="H42" s="40" t="s">
        <v>166</v>
      </c>
      <c r="I42" s="40" t="s">
        <v>79</v>
      </c>
      <c r="J42" s="40" t="s">
        <v>7</v>
      </c>
      <c r="K42" s="43">
        <v>0.74</v>
      </c>
      <c r="L42" s="40" t="s">
        <v>80</v>
      </c>
      <c r="M42" s="42">
        <v>2.7900000000000001E-2</v>
      </c>
      <c r="N42" s="42">
        <v>-2.5999999999999999E-3</v>
      </c>
      <c r="O42" s="43">
        <v>223026.79</v>
      </c>
      <c r="P42" s="43">
        <v>102.99</v>
      </c>
      <c r="Q42" s="43">
        <v>0</v>
      </c>
      <c r="R42" s="43">
        <v>229.69</v>
      </c>
      <c r="S42" s="42">
        <v>1.1000000000000001E-3</v>
      </c>
      <c r="T42" s="42">
        <v>1.9E-2</v>
      </c>
      <c r="U42" s="42">
        <v>6.4000000000000003E-3</v>
      </c>
      <c r="V42" s="40" t="s">
        <v>7</v>
      </c>
    </row>
    <row r="43" spans="1:22" x14ac:dyDescent="0.2">
      <c r="A43" s="45"/>
      <c r="B43" s="40" t="s">
        <v>192</v>
      </c>
      <c r="C43" s="41">
        <v>6130199</v>
      </c>
      <c r="D43" s="40" t="s">
        <v>114</v>
      </c>
      <c r="E43" s="40" t="s">
        <v>148</v>
      </c>
      <c r="F43" s="41">
        <v>520017807</v>
      </c>
      <c r="G43" s="40" t="s">
        <v>155</v>
      </c>
      <c r="H43" s="40" t="s">
        <v>166</v>
      </c>
      <c r="I43" s="40" t="s">
        <v>79</v>
      </c>
      <c r="J43" s="40" t="s">
        <v>7</v>
      </c>
      <c r="K43" s="43">
        <v>2.54</v>
      </c>
      <c r="L43" s="40" t="s">
        <v>80</v>
      </c>
      <c r="M43" s="42">
        <v>5.0500000000000003E-2</v>
      </c>
      <c r="N43" s="42">
        <v>8.6E-3</v>
      </c>
      <c r="O43" s="43">
        <v>240185</v>
      </c>
      <c r="P43" s="43">
        <v>112.65</v>
      </c>
      <c r="Q43" s="43">
        <v>0</v>
      </c>
      <c r="R43" s="43">
        <v>270.57</v>
      </c>
      <c r="S43" s="42">
        <v>4.0000000000000002E-4</v>
      </c>
      <c r="T43" s="42">
        <v>2.24E-2</v>
      </c>
      <c r="U43" s="42">
        <v>7.6E-3</v>
      </c>
      <c r="V43" s="40" t="s">
        <v>7</v>
      </c>
    </row>
    <row r="44" spans="1:22" x14ac:dyDescent="0.2">
      <c r="A44" s="45"/>
      <c r="B44" s="40" t="s">
        <v>193</v>
      </c>
      <c r="C44" s="41">
        <v>1135862</v>
      </c>
      <c r="D44" s="40" t="s">
        <v>114</v>
      </c>
      <c r="E44" s="40" t="s">
        <v>148</v>
      </c>
      <c r="F44" s="41">
        <v>513230029</v>
      </c>
      <c r="G44" s="40" t="s">
        <v>194</v>
      </c>
      <c r="H44" s="40" t="s">
        <v>195</v>
      </c>
      <c r="I44" s="40" t="s">
        <v>157</v>
      </c>
      <c r="J44" s="40" t="s">
        <v>7</v>
      </c>
      <c r="K44" s="43">
        <v>1.21</v>
      </c>
      <c r="L44" s="40" t="s">
        <v>80</v>
      </c>
      <c r="M44" s="42">
        <v>3.5799999999999998E-2</v>
      </c>
      <c r="N44" s="42">
        <v>7.1000000000000004E-3</v>
      </c>
      <c r="O44" s="43">
        <v>260218</v>
      </c>
      <c r="P44" s="43">
        <v>106.24</v>
      </c>
      <c r="Q44" s="43">
        <v>0</v>
      </c>
      <c r="R44" s="43">
        <v>276.45999999999998</v>
      </c>
      <c r="S44" s="42">
        <v>2.0000000000000001E-4</v>
      </c>
      <c r="T44" s="42">
        <v>2.29E-2</v>
      </c>
      <c r="U44" s="42">
        <v>7.7000000000000002E-3</v>
      </c>
      <c r="V44" s="40" t="s">
        <v>7</v>
      </c>
    </row>
    <row r="45" spans="1:22" x14ac:dyDescent="0.2">
      <c r="A45" s="45"/>
      <c r="B45" s="40" t="s">
        <v>196</v>
      </c>
      <c r="C45" s="41">
        <v>2560209</v>
      </c>
      <c r="D45" s="40" t="s">
        <v>114</v>
      </c>
      <c r="E45" s="40" t="s">
        <v>148</v>
      </c>
      <c r="F45" s="41">
        <v>520036690</v>
      </c>
      <c r="G45" s="40" t="s">
        <v>197</v>
      </c>
      <c r="H45" s="40" t="s">
        <v>166</v>
      </c>
      <c r="I45" s="40" t="s">
        <v>79</v>
      </c>
      <c r="J45" s="40" t="s">
        <v>7</v>
      </c>
      <c r="K45" s="43">
        <v>3.26</v>
      </c>
      <c r="L45" s="40" t="s">
        <v>80</v>
      </c>
      <c r="M45" s="42">
        <v>2.29E-2</v>
      </c>
      <c r="N45" s="42">
        <v>0.01</v>
      </c>
      <c r="O45" s="43">
        <v>437899.8</v>
      </c>
      <c r="P45" s="43">
        <v>104.44</v>
      </c>
      <c r="Q45" s="43">
        <v>0</v>
      </c>
      <c r="R45" s="43">
        <v>457.34</v>
      </c>
      <c r="S45" s="42">
        <v>1.1999999999999999E-3</v>
      </c>
      <c r="T45" s="42">
        <v>3.78E-2</v>
      </c>
      <c r="U45" s="42">
        <v>1.2800000000000001E-2</v>
      </c>
      <c r="V45" s="40" t="s">
        <v>7</v>
      </c>
    </row>
    <row r="46" spans="1:22" x14ac:dyDescent="0.2">
      <c r="A46" s="45"/>
      <c r="B46" s="40" t="s">
        <v>198</v>
      </c>
      <c r="C46" s="41">
        <v>7390149</v>
      </c>
      <c r="D46" s="40" t="s">
        <v>114</v>
      </c>
      <c r="E46" s="40" t="s">
        <v>148</v>
      </c>
      <c r="F46" s="41">
        <v>520028911</v>
      </c>
      <c r="G46" s="40" t="s">
        <v>199</v>
      </c>
      <c r="H46" s="40" t="s">
        <v>176</v>
      </c>
      <c r="I46" s="40" t="s">
        <v>79</v>
      </c>
      <c r="J46" s="40" t="s">
        <v>7</v>
      </c>
      <c r="K46" s="43">
        <v>2.4300000000000002</v>
      </c>
      <c r="L46" s="40" t="s">
        <v>80</v>
      </c>
      <c r="M46" s="42">
        <v>0.04</v>
      </c>
      <c r="N46" s="42">
        <v>8.5000000000000006E-3</v>
      </c>
      <c r="O46" s="43">
        <v>261398.2</v>
      </c>
      <c r="P46" s="43">
        <v>107.76</v>
      </c>
      <c r="Q46" s="43">
        <v>4.9800000000000004</v>
      </c>
      <c r="R46" s="43">
        <v>286.66000000000003</v>
      </c>
      <c r="S46" s="42">
        <v>8.0000000000000004E-4</v>
      </c>
      <c r="T46" s="42">
        <v>2.3699999999999999E-2</v>
      </c>
      <c r="U46" s="42">
        <v>8.0000000000000002E-3</v>
      </c>
      <c r="V46" s="40" t="s">
        <v>7</v>
      </c>
    </row>
    <row r="47" spans="1:22" x14ac:dyDescent="0.2">
      <c r="A47" s="45"/>
      <c r="B47" s="40" t="s">
        <v>200</v>
      </c>
      <c r="C47" s="41">
        <v>1141415</v>
      </c>
      <c r="D47" s="40" t="s">
        <v>114</v>
      </c>
      <c r="E47" s="40" t="s">
        <v>148</v>
      </c>
      <c r="F47" s="41">
        <v>520044314</v>
      </c>
      <c r="G47" s="40" t="s">
        <v>165</v>
      </c>
      <c r="H47" s="40" t="s">
        <v>176</v>
      </c>
      <c r="I47" s="40" t="s">
        <v>79</v>
      </c>
      <c r="J47" s="40" t="s">
        <v>7</v>
      </c>
      <c r="K47" s="43">
        <v>1.47</v>
      </c>
      <c r="L47" s="40" t="s">
        <v>80</v>
      </c>
      <c r="M47" s="42">
        <v>2.1600000000000001E-2</v>
      </c>
      <c r="N47" s="42">
        <v>6.8999999999999999E-3</v>
      </c>
      <c r="O47" s="43">
        <v>188928.76</v>
      </c>
      <c r="P47" s="43">
        <v>102.2</v>
      </c>
      <c r="Q47" s="43">
        <v>0</v>
      </c>
      <c r="R47" s="43">
        <v>193.08</v>
      </c>
      <c r="S47" s="42">
        <v>5.0000000000000001E-4</v>
      </c>
      <c r="T47" s="42">
        <v>1.6E-2</v>
      </c>
      <c r="U47" s="42">
        <v>5.4000000000000003E-3</v>
      </c>
      <c r="V47" s="40" t="s">
        <v>7</v>
      </c>
    </row>
    <row r="48" spans="1:22" x14ac:dyDescent="0.2">
      <c r="A48" s="45"/>
      <c r="B48" s="40" t="s">
        <v>201</v>
      </c>
      <c r="C48" s="41">
        <v>1156397</v>
      </c>
      <c r="D48" s="40" t="s">
        <v>114</v>
      </c>
      <c r="E48" s="40" t="s">
        <v>148</v>
      </c>
      <c r="F48" s="41">
        <v>520044314</v>
      </c>
      <c r="G48" s="40" t="s">
        <v>165</v>
      </c>
      <c r="H48" s="40" t="s">
        <v>176</v>
      </c>
      <c r="I48" s="40" t="s">
        <v>79</v>
      </c>
      <c r="J48" s="40" t="s">
        <v>7</v>
      </c>
      <c r="K48" s="43">
        <v>3.64</v>
      </c>
      <c r="L48" s="40" t="s">
        <v>80</v>
      </c>
      <c r="M48" s="42">
        <v>0.04</v>
      </c>
      <c r="N48" s="42">
        <v>1.38E-2</v>
      </c>
      <c r="O48" s="43">
        <v>490000</v>
      </c>
      <c r="P48" s="43">
        <v>111.86</v>
      </c>
      <c r="Q48" s="43">
        <v>0</v>
      </c>
      <c r="R48" s="43">
        <v>548.11</v>
      </c>
      <c r="S48" s="42">
        <v>5.9999999999999995E-4</v>
      </c>
      <c r="T48" s="42">
        <v>4.53E-2</v>
      </c>
      <c r="U48" s="42">
        <v>1.5299999999999999E-2</v>
      </c>
      <c r="V48" s="40" t="s">
        <v>7</v>
      </c>
    </row>
    <row r="49" spans="1:22" x14ac:dyDescent="0.2">
      <c r="A49" s="45"/>
      <c r="B49" s="40" t="s">
        <v>202</v>
      </c>
      <c r="C49" s="41">
        <v>7200173</v>
      </c>
      <c r="D49" s="40" t="s">
        <v>114</v>
      </c>
      <c r="E49" s="40" t="s">
        <v>148</v>
      </c>
      <c r="F49" s="41">
        <v>520041146</v>
      </c>
      <c r="G49" s="40" t="s">
        <v>203</v>
      </c>
      <c r="H49" s="40" t="s">
        <v>204</v>
      </c>
      <c r="I49" s="40" t="s">
        <v>157</v>
      </c>
      <c r="J49" s="40" t="s">
        <v>7</v>
      </c>
      <c r="K49" s="43">
        <v>3.5</v>
      </c>
      <c r="L49" s="40" t="s">
        <v>80</v>
      </c>
      <c r="M49" s="42">
        <v>3.4500000000000003E-2</v>
      </c>
      <c r="N49" s="42">
        <v>1.37E-2</v>
      </c>
      <c r="O49" s="43">
        <v>375289.17</v>
      </c>
      <c r="P49" s="43">
        <v>108.65</v>
      </c>
      <c r="Q49" s="43">
        <v>0</v>
      </c>
      <c r="R49" s="43">
        <v>407.75</v>
      </c>
      <c r="S49" s="42">
        <v>8.0000000000000004E-4</v>
      </c>
      <c r="T49" s="42">
        <v>3.3700000000000001E-2</v>
      </c>
      <c r="U49" s="42">
        <v>1.14E-2</v>
      </c>
      <c r="V49" s="40" t="s">
        <v>7</v>
      </c>
    </row>
    <row r="50" spans="1:22" x14ac:dyDescent="0.2">
      <c r="A50" s="45"/>
      <c r="B50" s="40" t="s">
        <v>205</v>
      </c>
      <c r="C50" s="41">
        <v>7200256</v>
      </c>
      <c r="D50" s="40" t="s">
        <v>114</v>
      </c>
      <c r="E50" s="40" t="s">
        <v>148</v>
      </c>
      <c r="F50" s="41">
        <v>520041146</v>
      </c>
      <c r="G50" s="40" t="s">
        <v>203</v>
      </c>
      <c r="H50" s="40" t="s">
        <v>204</v>
      </c>
      <c r="I50" s="40" t="s">
        <v>157</v>
      </c>
      <c r="J50" s="40" t="s">
        <v>7</v>
      </c>
      <c r="K50" s="43">
        <v>6.32</v>
      </c>
      <c r="L50" s="40" t="s">
        <v>80</v>
      </c>
      <c r="M50" s="42">
        <v>1.4999999999999999E-2</v>
      </c>
      <c r="N50" s="42">
        <v>2.29E-2</v>
      </c>
      <c r="O50" s="43">
        <v>316604</v>
      </c>
      <c r="P50" s="43">
        <v>95.72</v>
      </c>
      <c r="Q50" s="43">
        <v>0</v>
      </c>
      <c r="R50" s="43">
        <v>303.05</v>
      </c>
      <c r="S50" s="42">
        <v>8.0000000000000004E-4</v>
      </c>
      <c r="T50" s="42">
        <v>2.5100000000000001E-2</v>
      </c>
      <c r="U50" s="42">
        <v>8.5000000000000006E-3</v>
      </c>
      <c r="V50" s="40" t="s">
        <v>7</v>
      </c>
    </row>
    <row r="51" spans="1:22" x14ac:dyDescent="0.2">
      <c r="A51" s="45"/>
      <c r="B51" s="40" t="s">
        <v>206</v>
      </c>
      <c r="C51" s="41">
        <v>1161751</v>
      </c>
      <c r="D51" s="40" t="s">
        <v>114</v>
      </c>
      <c r="E51" s="40" t="s">
        <v>148</v>
      </c>
      <c r="F51" s="41">
        <v>513901371</v>
      </c>
      <c r="G51" s="40" t="s">
        <v>203</v>
      </c>
      <c r="H51" s="40" t="s">
        <v>179</v>
      </c>
      <c r="I51" s="40" t="s">
        <v>79</v>
      </c>
      <c r="J51" s="40" t="s">
        <v>7</v>
      </c>
      <c r="K51" s="43">
        <v>4.0999999999999996</v>
      </c>
      <c r="L51" s="40" t="s">
        <v>80</v>
      </c>
      <c r="M51" s="42">
        <v>2.0500000000000001E-2</v>
      </c>
      <c r="N51" s="42">
        <v>1.6799999999999999E-2</v>
      </c>
      <c r="O51" s="43">
        <v>427162</v>
      </c>
      <c r="P51" s="43">
        <v>102.41</v>
      </c>
      <c r="Q51" s="43">
        <v>0</v>
      </c>
      <c r="R51" s="43">
        <v>437.46</v>
      </c>
      <c r="S51" s="42">
        <v>5.9999999999999995E-4</v>
      </c>
      <c r="T51" s="42">
        <v>3.6200000000000003E-2</v>
      </c>
      <c r="U51" s="42">
        <v>1.2200000000000001E-2</v>
      </c>
      <c r="V51" s="40" t="s">
        <v>7</v>
      </c>
    </row>
    <row r="52" spans="1:22" x14ac:dyDescent="0.2">
      <c r="A52" s="45"/>
      <c r="B52" s="40" t="s">
        <v>207</v>
      </c>
      <c r="C52" s="41">
        <v>1140102</v>
      </c>
      <c r="D52" s="40" t="s">
        <v>114</v>
      </c>
      <c r="E52" s="40" t="s">
        <v>148</v>
      </c>
      <c r="F52" s="41">
        <v>510381601</v>
      </c>
      <c r="G52" s="40" t="s">
        <v>208</v>
      </c>
      <c r="H52" s="40" t="s">
        <v>179</v>
      </c>
      <c r="I52" s="40" t="s">
        <v>79</v>
      </c>
      <c r="J52" s="40" t="s">
        <v>7</v>
      </c>
      <c r="K52" s="43">
        <v>3.3</v>
      </c>
      <c r="L52" s="40" t="s">
        <v>80</v>
      </c>
      <c r="M52" s="42">
        <v>4.2999999999999997E-2</v>
      </c>
      <c r="N52" s="42">
        <v>1.6400000000000001E-2</v>
      </c>
      <c r="O52" s="43">
        <v>264349.69</v>
      </c>
      <c r="P52" s="43">
        <v>111</v>
      </c>
      <c r="Q52" s="43">
        <v>0</v>
      </c>
      <c r="R52" s="43">
        <v>293.43</v>
      </c>
      <c r="S52" s="42">
        <v>2.0000000000000001E-4</v>
      </c>
      <c r="T52" s="42">
        <v>2.4299999999999999E-2</v>
      </c>
      <c r="U52" s="42">
        <v>8.2000000000000007E-3</v>
      </c>
      <c r="V52" s="40" t="s">
        <v>7</v>
      </c>
    </row>
    <row r="53" spans="1:22" x14ac:dyDescent="0.2">
      <c r="A53" s="45"/>
      <c r="B53" s="40" t="s">
        <v>209</v>
      </c>
      <c r="C53" s="41">
        <v>1132836</v>
      </c>
      <c r="D53" s="40" t="s">
        <v>114</v>
      </c>
      <c r="E53" s="40" t="s">
        <v>148</v>
      </c>
      <c r="F53" s="41">
        <v>511930125</v>
      </c>
      <c r="G53" s="40" t="s">
        <v>165</v>
      </c>
      <c r="H53" s="40" t="s">
        <v>179</v>
      </c>
      <c r="I53" s="40" t="s">
        <v>79</v>
      </c>
      <c r="J53" s="40" t="s">
        <v>7</v>
      </c>
      <c r="K53" s="43">
        <v>1.96</v>
      </c>
      <c r="L53" s="40" t="s">
        <v>80</v>
      </c>
      <c r="M53" s="42">
        <v>4.1399999999999999E-2</v>
      </c>
      <c r="N53" s="42">
        <v>1.23E-2</v>
      </c>
      <c r="O53" s="43">
        <v>308341.8</v>
      </c>
      <c r="P53" s="43">
        <v>105.7</v>
      </c>
      <c r="Q53" s="43">
        <v>6.38</v>
      </c>
      <c r="R53" s="43">
        <v>332.3</v>
      </c>
      <c r="S53" s="42">
        <v>6.9999999999999999E-4</v>
      </c>
      <c r="T53" s="42">
        <v>2.75E-2</v>
      </c>
      <c r="U53" s="42">
        <v>9.2999999999999992E-3</v>
      </c>
      <c r="V53" s="40" t="s">
        <v>7</v>
      </c>
    </row>
    <row r="54" spans="1:22" x14ac:dyDescent="0.2">
      <c r="A54" s="45"/>
      <c r="B54" s="40" t="s">
        <v>210</v>
      </c>
      <c r="C54" s="41">
        <v>1129741</v>
      </c>
      <c r="D54" s="40" t="s">
        <v>114</v>
      </c>
      <c r="E54" s="40" t="s">
        <v>148</v>
      </c>
      <c r="F54" s="41">
        <v>520036104</v>
      </c>
      <c r="G54" s="40" t="s">
        <v>208</v>
      </c>
      <c r="H54" s="40" t="s">
        <v>179</v>
      </c>
      <c r="I54" s="40" t="s">
        <v>79</v>
      </c>
      <c r="J54" s="40" t="s">
        <v>7</v>
      </c>
      <c r="K54" s="43">
        <v>1.88</v>
      </c>
      <c r="L54" s="40" t="s">
        <v>80</v>
      </c>
      <c r="M54" s="42">
        <v>6.2300000000000001E-2</v>
      </c>
      <c r="N54" s="42">
        <v>1.37E-2</v>
      </c>
      <c r="O54" s="43">
        <v>271898.71000000002</v>
      </c>
      <c r="P54" s="43">
        <v>110.92</v>
      </c>
      <c r="Q54" s="43">
        <v>0</v>
      </c>
      <c r="R54" s="43">
        <v>301.58999999999997</v>
      </c>
      <c r="S54" s="42">
        <v>5.0000000000000001E-4</v>
      </c>
      <c r="T54" s="42">
        <v>2.4899999999999999E-2</v>
      </c>
      <c r="U54" s="42">
        <v>8.3999999999999995E-3</v>
      </c>
      <c r="V54" s="40" t="s">
        <v>7</v>
      </c>
    </row>
    <row r="55" spans="1:22" x14ac:dyDescent="0.2">
      <c r="A55" s="45"/>
      <c r="B55" s="40" t="s">
        <v>211</v>
      </c>
      <c r="C55" s="41">
        <v>2590511</v>
      </c>
      <c r="D55" s="40" t="s">
        <v>114</v>
      </c>
      <c r="E55" s="40" t="s">
        <v>148</v>
      </c>
      <c r="F55" s="41">
        <v>520036658</v>
      </c>
      <c r="G55" s="40" t="s">
        <v>153</v>
      </c>
      <c r="H55" s="40" t="s">
        <v>181</v>
      </c>
      <c r="I55" s="40" t="s">
        <v>79</v>
      </c>
      <c r="J55" s="40" t="s">
        <v>7</v>
      </c>
      <c r="K55" s="43">
        <v>4.3099999999999996</v>
      </c>
      <c r="L55" s="40" t="s">
        <v>80</v>
      </c>
      <c r="M55" s="42">
        <v>2.7E-2</v>
      </c>
      <c r="N55" s="42">
        <v>3.1E-2</v>
      </c>
      <c r="O55" s="43">
        <v>277255.61</v>
      </c>
      <c r="P55" s="43">
        <v>99.11</v>
      </c>
      <c r="Q55" s="43">
        <v>0</v>
      </c>
      <c r="R55" s="43">
        <v>274.79000000000002</v>
      </c>
      <c r="S55" s="42">
        <v>2.9999999999999997E-4</v>
      </c>
      <c r="T55" s="42">
        <v>2.2700000000000001E-2</v>
      </c>
      <c r="U55" s="42">
        <v>7.7000000000000002E-3</v>
      </c>
      <c r="V55" s="40" t="s">
        <v>7</v>
      </c>
    </row>
    <row r="56" spans="1:22" x14ac:dyDescent="0.2">
      <c r="B56" s="1" t="s">
        <v>139</v>
      </c>
      <c r="C56" s="1" t="s">
        <v>7</v>
      </c>
      <c r="D56" s="1" t="s">
        <v>7</v>
      </c>
      <c r="E56" s="1" t="s">
        <v>7</v>
      </c>
      <c r="F56" s="1" t="s">
        <v>7</v>
      </c>
      <c r="G56" s="1" t="s">
        <v>7</v>
      </c>
      <c r="H56" s="1" t="s">
        <v>7</v>
      </c>
      <c r="I56" s="1" t="s">
        <v>7</v>
      </c>
      <c r="J56" s="1" t="s">
        <v>7</v>
      </c>
      <c r="K56" s="39">
        <v>0</v>
      </c>
      <c r="L56" s="1" t="s">
        <v>7</v>
      </c>
      <c r="M56" s="38">
        <v>0</v>
      </c>
      <c r="N56" s="38">
        <v>0</v>
      </c>
      <c r="O56" s="39">
        <v>0</v>
      </c>
      <c r="P56" s="1" t="s">
        <v>7</v>
      </c>
      <c r="Q56" s="39">
        <v>0</v>
      </c>
      <c r="R56" s="39">
        <v>0</v>
      </c>
      <c r="S56" s="1" t="s">
        <v>7</v>
      </c>
      <c r="T56" s="38">
        <v>0</v>
      </c>
      <c r="U56" s="38">
        <v>0</v>
      </c>
      <c r="V56" s="1" t="s">
        <v>7</v>
      </c>
    </row>
    <row r="57" spans="1:22" x14ac:dyDescent="0.2">
      <c r="B57" s="1" t="s">
        <v>212</v>
      </c>
      <c r="C57" s="1" t="s">
        <v>7</v>
      </c>
      <c r="D57" s="1" t="s">
        <v>7</v>
      </c>
      <c r="E57" s="1" t="s">
        <v>7</v>
      </c>
      <c r="F57" s="1" t="s">
        <v>7</v>
      </c>
      <c r="G57" s="1" t="s">
        <v>7</v>
      </c>
      <c r="H57" s="1" t="s">
        <v>7</v>
      </c>
      <c r="I57" s="1" t="s">
        <v>7</v>
      </c>
      <c r="J57" s="1" t="s">
        <v>7</v>
      </c>
      <c r="K57" s="39">
        <v>0</v>
      </c>
      <c r="L57" s="1" t="s">
        <v>7</v>
      </c>
      <c r="M57" s="38">
        <v>0</v>
      </c>
      <c r="N57" s="38">
        <v>0</v>
      </c>
      <c r="O57" s="39">
        <v>0</v>
      </c>
      <c r="P57" s="1" t="s">
        <v>7</v>
      </c>
      <c r="Q57" s="39">
        <v>0</v>
      </c>
      <c r="R57" s="39">
        <v>0</v>
      </c>
      <c r="S57" s="1" t="s">
        <v>7</v>
      </c>
      <c r="T57" s="38">
        <v>0</v>
      </c>
      <c r="U57" s="38">
        <v>0</v>
      </c>
      <c r="V57" s="1" t="s">
        <v>7</v>
      </c>
    </row>
    <row r="58" spans="1:22" x14ac:dyDescent="0.2">
      <c r="B58" s="1" t="s">
        <v>89</v>
      </c>
      <c r="C58" s="1" t="s">
        <v>7</v>
      </c>
      <c r="D58" s="1" t="s">
        <v>7</v>
      </c>
      <c r="E58" s="1" t="s">
        <v>7</v>
      </c>
      <c r="F58" s="1" t="s">
        <v>7</v>
      </c>
      <c r="G58" s="1" t="s">
        <v>7</v>
      </c>
      <c r="H58" s="1" t="s">
        <v>7</v>
      </c>
      <c r="I58" s="1" t="s">
        <v>7</v>
      </c>
      <c r="J58" s="1" t="s">
        <v>7</v>
      </c>
      <c r="K58" s="39">
        <v>2.72</v>
      </c>
      <c r="L58" s="1" t="s">
        <v>7</v>
      </c>
      <c r="M58" s="38">
        <v>4.9299999999999997E-2</v>
      </c>
      <c r="N58" s="38">
        <v>2.0199999999999999E-2</v>
      </c>
      <c r="O58" s="39">
        <v>300000</v>
      </c>
      <c r="P58" s="1" t="s">
        <v>7</v>
      </c>
      <c r="Q58" s="39">
        <v>0</v>
      </c>
      <c r="R58" s="39">
        <v>1032.53</v>
      </c>
      <c r="S58" s="1" t="s">
        <v>7</v>
      </c>
      <c r="T58" s="38">
        <v>8.5400000000000004E-2</v>
      </c>
      <c r="U58" s="38">
        <v>2.8799999999999999E-2</v>
      </c>
      <c r="V58" s="1" t="s">
        <v>7</v>
      </c>
    </row>
    <row r="59" spans="1:22" x14ac:dyDescent="0.2">
      <c r="B59" s="1" t="s">
        <v>141</v>
      </c>
      <c r="C59" s="1" t="s">
        <v>7</v>
      </c>
      <c r="D59" s="1" t="s">
        <v>7</v>
      </c>
      <c r="E59" s="1" t="s">
        <v>7</v>
      </c>
      <c r="F59" s="1" t="s">
        <v>7</v>
      </c>
      <c r="G59" s="1" t="s">
        <v>7</v>
      </c>
      <c r="H59" s="1" t="s">
        <v>7</v>
      </c>
      <c r="I59" s="1" t="s">
        <v>7</v>
      </c>
      <c r="J59" s="1" t="s">
        <v>7</v>
      </c>
      <c r="K59" s="39">
        <v>0</v>
      </c>
      <c r="L59" s="1" t="s">
        <v>7</v>
      </c>
      <c r="M59" s="38">
        <v>0</v>
      </c>
      <c r="N59" s="38">
        <v>0</v>
      </c>
      <c r="O59" s="39">
        <v>0</v>
      </c>
      <c r="P59" s="1" t="s">
        <v>7</v>
      </c>
      <c r="Q59" s="39">
        <v>0</v>
      </c>
      <c r="R59" s="39">
        <v>0</v>
      </c>
      <c r="S59" s="1" t="s">
        <v>7</v>
      </c>
      <c r="T59" s="38">
        <v>0</v>
      </c>
      <c r="U59" s="38">
        <v>0</v>
      </c>
      <c r="V59" s="1" t="s">
        <v>7</v>
      </c>
    </row>
    <row r="60" spans="1:22" x14ac:dyDescent="0.2">
      <c r="B60" s="1" t="s">
        <v>140</v>
      </c>
      <c r="C60" s="1" t="s">
        <v>7</v>
      </c>
      <c r="D60" s="1" t="s">
        <v>7</v>
      </c>
      <c r="E60" s="1" t="s">
        <v>7</v>
      </c>
      <c r="F60" s="1" t="s">
        <v>7</v>
      </c>
      <c r="G60" s="1" t="s">
        <v>7</v>
      </c>
      <c r="H60" s="1" t="s">
        <v>7</v>
      </c>
      <c r="I60" s="1" t="s">
        <v>7</v>
      </c>
      <c r="J60" s="1" t="s">
        <v>7</v>
      </c>
      <c r="K60" s="39">
        <v>2.72</v>
      </c>
      <c r="L60" s="1" t="s">
        <v>7</v>
      </c>
      <c r="M60" s="38">
        <v>4.9299999999999997E-2</v>
      </c>
      <c r="N60" s="38">
        <v>2.0199999999999999E-2</v>
      </c>
      <c r="O60" s="39">
        <v>300000</v>
      </c>
      <c r="P60" s="1" t="s">
        <v>7</v>
      </c>
      <c r="Q60" s="39">
        <v>0</v>
      </c>
      <c r="R60" s="39">
        <v>1032.53</v>
      </c>
      <c r="S60" s="1" t="s">
        <v>7</v>
      </c>
      <c r="T60" s="38">
        <v>8.5400000000000004E-2</v>
      </c>
      <c r="U60" s="38">
        <v>2.8799999999999999E-2</v>
      </c>
      <c r="V60" s="1" t="s">
        <v>7</v>
      </c>
    </row>
    <row r="61" spans="1:22" x14ac:dyDescent="0.2">
      <c r="B61" s="40" t="s">
        <v>213</v>
      </c>
      <c r="C61" s="40" t="s">
        <v>214</v>
      </c>
      <c r="D61" s="40" t="s">
        <v>215</v>
      </c>
      <c r="E61" s="40" t="s">
        <v>216</v>
      </c>
      <c r="F61" s="41">
        <v>99769</v>
      </c>
      <c r="G61" s="40" t="s">
        <v>217</v>
      </c>
      <c r="H61" s="40" t="s">
        <v>218</v>
      </c>
      <c r="I61" s="40" t="s">
        <v>219</v>
      </c>
      <c r="J61" s="40" t="s">
        <v>7</v>
      </c>
      <c r="K61" s="43">
        <v>2.1800000000000002</v>
      </c>
      <c r="L61" s="40" t="s">
        <v>49</v>
      </c>
      <c r="M61" s="42">
        <v>5.1200000000000002E-2</v>
      </c>
      <c r="N61" s="42">
        <v>1.9900000000000001E-2</v>
      </c>
      <c r="O61" s="43">
        <v>200000</v>
      </c>
      <c r="P61" s="43">
        <v>110.41</v>
      </c>
      <c r="Q61" s="43">
        <v>0</v>
      </c>
      <c r="R61" s="43">
        <v>686.74</v>
      </c>
      <c r="S61" s="42">
        <v>1E-4</v>
      </c>
      <c r="T61" s="42">
        <v>5.6800000000000003E-2</v>
      </c>
      <c r="U61" s="42">
        <v>1.9199999999999998E-2</v>
      </c>
      <c r="V61" s="41">
        <v>60357878</v>
      </c>
    </row>
    <row r="62" spans="1:22" x14ac:dyDescent="0.2">
      <c r="B62" s="40" t="s">
        <v>220</v>
      </c>
      <c r="C62" s="40" t="s">
        <v>221</v>
      </c>
      <c r="D62" s="40" t="s">
        <v>148</v>
      </c>
      <c r="E62" s="40" t="s">
        <v>216</v>
      </c>
      <c r="F62" s="41">
        <v>95042</v>
      </c>
      <c r="G62" s="40" t="s">
        <v>222</v>
      </c>
      <c r="H62" s="40" t="s">
        <v>223</v>
      </c>
      <c r="I62" s="40" t="s">
        <v>224</v>
      </c>
      <c r="J62" s="40" t="s">
        <v>7</v>
      </c>
      <c r="K62" s="43">
        <v>3.79</v>
      </c>
      <c r="L62" s="40" t="s">
        <v>49</v>
      </c>
      <c r="M62" s="42">
        <v>4.5499999999999999E-2</v>
      </c>
      <c r="N62" s="42">
        <v>2.07E-2</v>
      </c>
      <c r="O62" s="43">
        <v>100000</v>
      </c>
      <c r="P62" s="43">
        <v>111.19</v>
      </c>
      <c r="Q62" s="43">
        <v>0</v>
      </c>
      <c r="R62" s="43">
        <v>345.79</v>
      </c>
      <c r="S62" s="42">
        <v>1E-4</v>
      </c>
      <c r="T62" s="42">
        <v>2.86E-2</v>
      </c>
      <c r="U62" s="42">
        <v>9.7000000000000003E-3</v>
      </c>
      <c r="V62" s="41">
        <v>62011432</v>
      </c>
    </row>
    <row r="63" spans="1:22" x14ac:dyDescent="0.2">
      <c r="B63" s="36" t="s">
        <v>91</v>
      </c>
    </row>
    <row r="64" spans="1:22" x14ac:dyDescent="0.2">
      <c r="B64" s="36" t="s">
        <v>130</v>
      </c>
    </row>
    <row r="65" spans="2:22" x14ac:dyDescent="0.2">
      <c r="B65" s="51" t="s">
        <v>53</v>
      </c>
      <c r="C65" s="47"/>
      <c r="D65" s="47"/>
      <c r="E65" s="47"/>
      <c r="F65" s="47"/>
      <c r="G65" s="47"/>
      <c r="H65" s="47"/>
      <c r="I65" s="47"/>
      <c r="J65" s="47"/>
      <c r="K65" s="47"/>
      <c r="L65" s="47"/>
      <c r="M65" s="47"/>
      <c r="N65" s="47"/>
      <c r="O65" s="47"/>
      <c r="P65" s="47"/>
      <c r="Q65" s="47"/>
      <c r="R65" s="47"/>
      <c r="S65" s="47"/>
      <c r="T65" s="47"/>
      <c r="U65" s="47"/>
      <c r="V65" s="47"/>
    </row>
  </sheetData>
  <mergeCells count="1">
    <mergeCell ref="B65:V65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6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5" width="11" customWidth="1"/>
    <col min="6" max="6" width="12" customWidth="1"/>
    <col min="7" max="7" width="19" customWidth="1"/>
    <col min="8" max="10" width="10" customWidth="1"/>
    <col min="11" max="11" width="14" customWidth="1"/>
    <col min="12" max="12" width="10" customWidth="1"/>
    <col min="13" max="13" width="22" customWidth="1"/>
    <col min="14" max="14" width="24" customWidth="1"/>
    <col min="15" max="15" width="23" customWidth="1"/>
    <col min="16" max="16" width="2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147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3" t="s">
        <v>22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2:16" x14ac:dyDescent="0.2">
      <c r="B8" s="1" t="s">
        <v>55</v>
      </c>
      <c r="C8" s="1" t="s">
        <v>56</v>
      </c>
      <c r="D8" s="1" t="s">
        <v>94</v>
      </c>
      <c r="E8" s="1" t="s">
        <v>132</v>
      </c>
      <c r="F8" s="1" t="s">
        <v>57</v>
      </c>
      <c r="G8" s="1" t="s">
        <v>133</v>
      </c>
      <c r="H8" s="1" t="s">
        <v>60</v>
      </c>
      <c r="I8" s="1" t="s">
        <v>97</v>
      </c>
      <c r="J8" s="1" t="s">
        <v>98</v>
      </c>
      <c r="K8" s="1" t="s">
        <v>226</v>
      </c>
      <c r="L8" s="1" t="s">
        <v>63</v>
      </c>
      <c r="M8" s="1" t="s">
        <v>100</v>
      </c>
      <c r="N8" s="1" t="s">
        <v>64</v>
      </c>
      <c r="O8" s="1" t="s">
        <v>101</v>
      </c>
      <c r="P8" s="1" t="s">
        <v>7</v>
      </c>
    </row>
    <row r="9" spans="2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03</v>
      </c>
      <c r="J9" s="1" t="s">
        <v>104</v>
      </c>
      <c r="K9" s="1" t="s">
        <v>11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2:16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7</v>
      </c>
    </row>
    <row r="11" spans="2:16" x14ac:dyDescent="0.2">
      <c r="B11" s="1" t="s">
        <v>22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2</v>
      </c>
      <c r="J11" s="1" t="s">
        <v>7</v>
      </c>
      <c r="K11" s="39">
        <v>0</v>
      </c>
      <c r="L11" s="39">
        <v>0.03</v>
      </c>
      <c r="M11" s="1" t="s">
        <v>7</v>
      </c>
      <c r="N11" s="38">
        <v>1</v>
      </c>
      <c r="O11" s="38">
        <v>0</v>
      </c>
      <c r="P11" s="1" t="s">
        <v>7</v>
      </c>
    </row>
    <row r="12" spans="2:16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2</v>
      </c>
      <c r="J12" s="1" t="s">
        <v>7</v>
      </c>
      <c r="K12" s="39">
        <v>0</v>
      </c>
      <c r="L12" s="39">
        <v>0.03</v>
      </c>
      <c r="M12" s="1" t="s">
        <v>7</v>
      </c>
      <c r="N12" s="38">
        <v>1</v>
      </c>
      <c r="O12" s="38">
        <v>0</v>
      </c>
      <c r="P12" s="1" t="s">
        <v>7</v>
      </c>
    </row>
    <row r="13" spans="2:16" x14ac:dyDescent="0.2">
      <c r="B13" s="1" t="s">
        <v>228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1</v>
      </c>
      <c r="J13" s="1" t="s">
        <v>7</v>
      </c>
      <c r="K13" s="39">
        <v>0</v>
      </c>
      <c r="L13" s="39">
        <v>0.01</v>
      </c>
      <c r="M13" s="1" t="s">
        <v>7</v>
      </c>
      <c r="N13" s="44">
        <v>0.4657</v>
      </c>
      <c r="O13" s="44">
        <v>0</v>
      </c>
      <c r="P13" s="1" t="s">
        <v>7</v>
      </c>
    </row>
    <row r="14" spans="2:16" x14ac:dyDescent="0.2">
      <c r="B14" s="40" t="s">
        <v>229</v>
      </c>
      <c r="C14" s="41">
        <v>226019</v>
      </c>
      <c r="D14" s="40" t="s">
        <v>114</v>
      </c>
      <c r="E14" s="40" t="s">
        <v>148</v>
      </c>
      <c r="F14" s="41">
        <v>520024126</v>
      </c>
      <c r="G14" s="40" t="s">
        <v>155</v>
      </c>
      <c r="H14" s="40" t="s">
        <v>80</v>
      </c>
      <c r="I14" s="43">
        <v>1</v>
      </c>
      <c r="J14" s="43">
        <v>1338</v>
      </c>
      <c r="K14" s="43">
        <v>0</v>
      </c>
      <c r="L14" s="43">
        <v>0.01</v>
      </c>
      <c r="M14" s="42">
        <v>0</v>
      </c>
      <c r="N14" s="42">
        <v>0.4657</v>
      </c>
      <c r="O14" s="42">
        <v>0</v>
      </c>
      <c r="P14" s="40" t="s">
        <v>7</v>
      </c>
    </row>
    <row r="15" spans="2:16" x14ac:dyDescent="0.2">
      <c r="B15" s="1" t="s">
        <v>230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1</v>
      </c>
      <c r="J15" s="1" t="s">
        <v>7</v>
      </c>
      <c r="K15" s="39">
        <v>0</v>
      </c>
      <c r="L15" s="39">
        <v>0.01</v>
      </c>
      <c r="M15" s="1" t="s">
        <v>7</v>
      </c>
      <c r="N15" s="38">
        <v>0.5343</v>
      </c>
      <c r="O15" s="38">
        <v>0</v>
      </c>
      <c r="P15" s="1" t="s">
        <v>7</v>
      </c>
    </row>
    <row r="16" spans="2:16" x14ac:dyDescent="0.2">
      <c r="B16" s="40" t="s">
        <v>231</v>
      </c>
      <c r="C16" s="41">
        <v>1157403</v>
      </c>
      <c r="D16" s="40" t="s">
        <v>114</v>
      </c>
      <c r="E16" s="40" t="s">
        <v>148</v>
      </c>
      <c r="F16" s="41">
        <v>510706153</v>
      </c>
      <c r="G16" s="40" t="s">
        <v>187</v>
      </c>
      <c r="H16" s="40" t="s">
        <v>80</v>
      </c>
      <c r="I16" s="43">
        <v>1</v>
      </c>
      <c r="J16" s="43">
        <v>1535</v>
      </c>
      <c r="K16" s="43">
        <v>0</v>
      </c>
      <c r="L16" s="43">
        <v>0.01</v>
      </c>
      <c r="M16" s="42">
        <v>0</v>
      </c>
      <c r="N16" s="42">
        <v>0.5343</v>
      </c>
      <c r="O16" s="42">
        <v>0</v>
      </c>
      <c r="P16" s="40" t="s">
        <v>7</v>
      </c>
    </row>
    <row r="17" spans="2:16" x14ac:dyDescent="0.2">
      <c r="B17" s="1" t="s">
        <v>232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1" t="s">
        <v>7</v>
      </c>
      <c r="K17" s="39">
        <v>0</v>
      </c>
      <c r="L17" s="39">
        <v>0</v>
      </c>
      <c r="M17" s="1" t="s">
        <v>7</v>
      </c>
      <c r="N17" s="38">
        <v>0</v>
      </c>
      <c r="O17" s="38">
        <v>0</v>
      </c>
      <c r="P17" s="1" t="s">
        <v>7</v>
      </c>
    </row>
    <row r="18" spans="2:16" x14ac:dyDescent="0.2">
      <c r="B18" s="1" t="s">
        <v>233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1" t="s">
        <v>7</v>
      </c>
      <c r="K18" s="39">
        <v>0</v>
      </c>
      <c r="L18" s="39">
        <v>0</v>
      </c>
      <c r="M18" s="1" t="s">
        <v>7</v>
      </c>
      <c r="N18" s="38">
        <v>0</v>
      </c>
      <c r="O18" s="38">
        <v>0</v>
      </c>
      <c r="P18" s="1" t="s">
        <v>7</v>
      </c>
    </row>
    <row r="19" spans="2:16" x14ac:dyDescent="0.2">
      <c r="B19" s="1" t="s">
        <v>234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1" t="s">
        <v>7</v>
      </c>
      <c r="L19" s="1" t="s">
        <v>7</v>
      </c>
      <c r="M19" s="1" t="s">
        <v>7</v>
      </c>
      <c r="N19" s="1" t="s">
        <v>7</v>
      </c>
      <c r="O19" s="1" t="s">
        <v>7</v>
      </c>
      <c r="P19" s="1" t="s">
        <v>7</v>
      </c>
    </row>
    <row r="20" spans="2:16" x14ac:dyDescent="0.2">
      <c r="B20" s="1" t="s">
        <v>235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1" t="s">
        <v>7</v>
      </c>
      <c r="K20" s="1" t="s">
        <v>7</v>
      </c>
      <c r="L20" s="1" t="s">
        <v>7</v>
      </c>
      <c r="M20" s="1" t="s">
        <v>7</v>
      </c>
      <c r="N20" s="1" t="s">
        <v>7</v>
      </c>
      <c r="O20" s="1" t="s">
        <v>7</v>
      </c>
      <c r="P20" s="1" t="s">
        <v>7</v>
      </c>
    </row>
    <row r="21" spans="2:16" x14ac:dyDescent="0.2">
      <c r="B21" s="1" t="s">
        <v>89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1" t="s">
        <v>7</v>
      </c>
      <c r="K21" s="39">
        <v>0</v>
      </c>
      <c r="L21" s="39">
        <v>0</v>
      </c>
      <c r="M21" s="1" t="s">
        <v>7</v>
      </c>
      <c r="N21" s="38">
        <v>0</v>
      </c>
      <c r="O21" s="38">
        <v>0</v>
      </c>
      <c r="P21" s="1" t="s">
        <v>7</v>
      </c>
    </row>
    <row r="22" spans="2:16" x14ac:dyDescent="0.2">
      <c r="B22" s="1" t="s">
        <v>141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1" t="s">
        <v>7</v>
      </c>
      <c r="K22" s="39">
        <v>0</v>
      </c>
      <c r="L22" s="39">
        <v>0</v>
      </c>
      <c r="M22" s="1" t="s">
        <v>7</v>
      </c>
      <c r="N22" s="38">
        <v>0</v>
      </c>
      <c r="O22" s="38">
        <v>0</v>
      </c>
      <c r="P22" s="1" t="s">
        <v>7</v>
      </c>
    </row>
    <row r="23" spans="2:16" x14ac:dyDescent="0.2">
      <c r="B23" s="1" t="s">
        <v>140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1" t="s">
        <v>7</v>
      </c>
      <c r="K23" s="39">
        <v>0</v>
      </c>
      <c r="L23" s="39">
        <v>0</v>
      </c>
      <c r="M23" s="1" t="s">
        <v>7</v>
      </c>
      <c r="N23" s="38">
        <v>0</v>
      </c>
      <c r="O23" s="38">
        <v>0</v>
      </c>
      <c r="P23" s="1" t="s">
        <v>7</v>
      </c>
    </row>
    <row r="24" spans="2:16" x14ac:dyDescent="0.2">
      <c r="B24" s="36" t="s">
        <v>91</v>
      </c>
    </row>
    <row r="25" spans="2:16" x14ac:dyDescent="0.2">
      <c r="B25" s="36" t="s">
        <v>130</v>
      </c>
    </row>
    <row r="26" spans="2:16" x14ac:dyDescent="0.2">
      <c r="B26" s="52" t="s">
        <v>53</v>
      </c>
      <c r="C26" s="47"/>
      <c r="D26" s="47"/>
      <c r="E26" s="47"/>
      <c r="F26" s="47"/>
      <c r="G26" s="47"/>
      <c r="H26" s="47"/>
      <c r="I26" s="47"/>
      <c r="J26" s="47"/>
      <c r="K26" s="47"/>
      <c r="L26" s="47"/>
      <c r="M26" s="47"/>
      <c r="N26" s="47"/>
      <c r="O26" s="47"/>
      <c r="P26" s="47"/>
    </row>
  </sheetData>
  <mergeCells count="1">
    <mergeCell ref="B26:P26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0"/>
  <sheetViews>
    <sheetView rightToLeft="1" topLeftCell="A16" workbookViewId="0"/>
  </sheetViews>
  <sheetFormatPr defaultRowHeight="14.25" x14ac:dyDescent="0.2"/>
  <cols>
    <col min="1" max="1" width="3" customWidth="1"/>
    <col min="2" max="2" width="38" customWidth="1"/>
    <col min="3" max="4" width="11" customWidth="1"/>
    <col min="5" max="5" width="12" customWidth="1"/>
    <col min="6" max="7" width="10" customWidth="1"/>
    <col min="8" max="8" width="12" customWidth="1"/>
    <col min="9" max="9" width="10" customWidth="1"/>
    <col min="10" max="10" width="18" customWidth="1"/>
    <col min="11" max="11" width="10" customWidth="1"/>
    <col min="12" max="12" width="22" customWidth="1"/>
    <col min="13" max="13" width="24" customWidth="1"/>
    <col min="14" max="14" width="23" customWidth="1"/>
    <col min="15" max="15" width="2" customWidth="1"/>
  </cols>
  <sheetData>
    <row r="1" spans="2:15" x14ac:dyDescent="0.2">
      <c r="B1" s="37" t="s">
        <v>0</v>
      </c>
      <c r="C1" s="37" t="s">
        <v>1</v>
      </c>
    </row>
    <row r="2" spans="2:15" x14ac:dyDescent="0.2">
      <c r="B2" s="37" t="s">
        <v>2</v>
      </c>
      <c r="C2" s="37" t="s">
        <v>3</v>
      </c>
    </row>
    <row r="3" spans="2:15" x14ac:dyDescent="0.2">
      <c r="B3" s="37" t="s">
        <v>4</v>
      </c>
      <c r="C3" s="37" t="s">
        <v>5</v>
      </c>
    </row>
    <row r="4" spans="2:15" x14ac:dyDescent="0.2">
      <c r="B4" s="37" t="s">
        <v>6</v>
      </c>
      <c r="C4" s="37">
        <v>1476</v>
      </c>
    </row>
    <row r="5" spans="2:15" x14ac:dyDescent="0.2">
      <c r="B5" s="37" t="s">
        <v>7</v>
      </c>
      <c r="C5" s="37" t="s">
        <v>7</v>
      </c>
    </row>
    <row r="6" spans="2:15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</row>
    <row r="7" spans="2:15" x14ac:dyDescent="0.2">
      <c r="B7" s="3" t="s">
        <v>23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</row>
    <row r="8" spans="2:15" x14ac:dyDescent="0.2">
      <c r="B8" s="1" t="s">
        <v>55</v>
      </c>
      <c r="C8" s="1" t="s">
        <v>56</v>
      </c>
      <c r="D8" s="1" t="s">
        <v>94</v>
      </c>
      <c r="E8" s="1" t="s">
        <v>57</v>
      </c>
      <c r="F8" s="1" t="s">
        <v>133</v>
      </c>
      <c r="G8" s="1" t="s">
        <v>60</v>
      </c>
      <c r="H8" s="1" t="s">
        <v>97</v>
      </c>
      <c r="I8" s="1" t="s">
        <v>98</v>
      </c>
      <c r="J8" s="1" t="s">
        <v>99</v>
      </c>
      <c r="K8" s="1" t="s">
        <v>63</v>
      </c>
      <c r="L8" s="1" t="s">
        <v>100</v>
      </c>
      <c r="M8" s="1" t="s">
        <v>64</v>
      </c>
      <c r="N8" s="1" t="s">
        <v>101</v>
      </c>
      <c r="O8" s="1" t="s">
        <v>7</v>
      </c>
    </row>
    <row r="9" spans="2:15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45</v>
      </c>
      <c r="I9" s="1" t="s">
        <v>7</v>
      </c>
      <c r="J9" s="1" t="s">
        <v>11</v>
      </c>
      <c r="K9" s="1" t="s">
        <v>11</v>
      </c>
      <c r="L9" s="1" t="s">
        <v>12</v>
      </c>
      <c r="M9" s="1" t="s">
        <v>12</v>
      </c>
      <c r="N9" s="1" t="s">
        <v>12</v>
      </c>
      <c r="O9" s="1" t="s">
        <v>7</v>
      </c>
    </row>
    <row r="10" spans="2:15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1</v>
      </c>
      <c r="L10" s="1" t="s">
        <v>72</v>
      </c>
      <c r="M10" s="1" t="s">
        <v>73</v>
      </c>
      <c r="N10" s="1" t="s">
        <v>105</v>
      </c>
      <c r="O10" s="1" t="s">
        <v>7</v>
      </c>
    </row>
    <row r="11" spans="2:15" x14ac:dyDescent="0.2">
      <c r="B11" s="1" t="s">
        <v>23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258231</v>
      </c>
      <c r="I11" s="1" t="s">
        <v>7</v>
      </c>
      <c r="J11" s="39">
        <v>0</v>
      </c>
      <c r="K11" s="39">
        <v>3274.68</v>
      </c>
      <c r="L11" s="1" t="s">
        <v>7</v>
      </c>
      <c r="M11" s="38">
        <v>1</v>
      </c>
      <c r="N11" s="38">
        <v>9.1399999999999995E-2</v>
      </c>
      <c r="O11" s="1" t="s">
        <v>7</v>
      </c>
    </row>
    <row r="12" spans="2:15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258231</v>
      </c>
      <c r="I12" s="1" t="s">
        <v>7</v>
      </c>
      <c r="J12" s="39">
        <v>0</v>
      </c>
      <c r="K12" s="39">
        <v>3274.68</v>
      </c>
      <c r="L12" s="1" t="s">
        <v>7</v>
      </c>
      <c r="M12" s="38">
        <v>1</v>
      </c>
      <c r="N12" s="38">
        <v>9.1399999999999995E-2</v>
      </c>
      <c r="O12" s="1" t="s">
        <v>7</v>
      </c>
    </row>
    <row r="13" spans="2:15" x14ac:dyDescent="0.2">
      <c r="B13" s="1" t="s">
        <v>238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9">
        <v>0</v>
      </c>
      <c r="K13" s="39">
        <v>0</v>
      </c>
      <c r="L13" s="1" t="s">
        <v>7</v>
      </c>
      <c r="M13" s="38">
        <v>0</v>
      </c>
      <c r="N13" s="38">
        <v>0</v>
      </c>
      <c r="O13" s="1" t="s">
        <v>7</v>
      </c>
    </row>
    <row r="14" spans="2:15" x14ac:dyDescent="0.2">
      <c r="B14" s="1" t="s">
        <v>239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9">
        <v>0</v>
      </c>
      <c r="K14" s="39">
        <v>0</v>
      </c>
      <c r="L14" s="1" t="s">
        <v>7</v>
      </c>
      <c r="M14" s="38">
        <v>0</v>
      </c>
      <c r="N14" s="38">
        <v>0</v>
      </c>
      <c r="O14" s="1" t="s">
        <v>7</v>
      </c>
    </row>
    <row r="15" spans="2:15" x14ac:dyDescent="0.2">
      <c r="B15" s="1" t="s">
        <v>240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258231</v>
      </c>
      <c r="I15" s="1" t="s">
        <v>7</v>
      </c>
      <c r="J15" s="39">
        <v>0</v>
      </c>
      <c r="K15" s="39">
        <v>3274.68</v>
      </c>
      <c r="L15" s="1" t="s">
        <v>7</v>
      </c>
      <c r="M15" s="38">
        <v>1</v>
      </c>
      <c r="N15" s="38">
        <v>9.1399999999999995E-2</v>
      </c>
      <c r="O15" s="1" t="s">
        <v>7</v>
      </c>
    </row>
    <row r="16" spans="2:15" x14ac:dyDescent="0.2">
      <c r="B16" s="40" t="s">
        <v>241</v>
      </c>
      <c r="C16" s="41">
        <v>1150523</v>
      </c>
      <c r="D16" s="40" t="s">
        <v>114</v>
      </c>
      <c r="E16" s="41">
        <v>511776783</v>
      </c>
      <c r="F16" s="40" t="s">
        <v>242</v>
      </c>
      <c r="G16" s="40" t="s">
        <v>80</v>
      </c>
      <c r="H16" s="43">
        <v>184623</v>
      </c>
      <c r="I16" s="43">
        <v>392.11</v>
      </c>
      <c r="J16" s="43">
        <v>0</v>
      </c>
      <c r="K16" s="43">
        <v>723.92</v>
      </c>
      <c r="L16" s="42">
        <v>1E-3</v>
      </c>
      <c r="M16" s="42">
        <v>0.22109999999999999</v>
      </c>
      <c r="N16" s="42">
        <v>2.0199999999999999E-2</v>
      </c>
      <c r="O16" s="40" t="s">
        <v>7</v>
      </c>
    </row>
    <row r="17" spans="2:15" x14ac:dyDescent="0.2">
      <c r="B17" s="40" t="s">
        <v>243</v>
      </c>
      <c r="C17" s="41">
        <v>1154699</v>
      </c>
      <c r="D17" s="40" t="s">
        <v>114</v>
      </c>
      <c r="E17" s="41">
        <v>513765339</v>
      </c>
      <c r="F17" s="40" t="s">
        <v>242</v>
      </c>
      <c r="G17" s="40" t="s">
        <v>80</v>
      </c>
      <c r="H17" s="43">
        <v>19665</v>
      </c>
      <c r="I17" s="43">
        <v>3394.94</v>
      </c>
      <c r="J17" s="43">
        <v>0</v>
      </c>
      <c r="K17" s="43">
        <v>667.61</v>
      </c>
      <c r="L17" s="42">
        <v>5.4000000000000003E-3</v>
      </c>
      <c r="M17" s="42">
        <v>0.2039</v>
      </c>
      <c r="N17" s="42">
        <v>1.8599999999999998E-2</v>
      </c>
      <c r="O17" s="40" t="s">
        <v>7</v>
      </c>
    </row>
    <row r="18" spans="2:15" x14ac:dyDescent="0.2">
      <c r="B18" s="40" t="s">
        <v>244</v>
      </c>
      <c r="C18" s="41">
        <v>1146232</v>
      </c>
      <c r="D18" s="40" t="s">
        <v>114</v>
      </c>
      <c r="E18" s="41">
        <v>510938608</v>
      </c>
      <c r="F18" s="40" t="s">
        <v>242</v>
      </c>
      <c r="G18" s="40" t="s">
        <v>80</v>
      </c>
      <c r="H18" s="43">
        <v>18854</v>
      </c>
      <c r="I18" s="43">
        <v>3688.9</v>
      </c>
      <c r="J18" s="43">
        <v>0</v>
      </c>
      <c r="K18" s="43">
        <v>695.5</v>
      </c>
      <c r="L18" s="42">
        <v>5.0000000000000001E-4</v>
      </c>
      <c r="M18" s="42">
        <v>0.21240000000000001</v>
      </c>
      <c r="N18" s="42">
        <v>1.9400000000000001E-2</v>
      </c>
      <c r="O18" s="40" t="s">
        <v>7</v>
      </c>
    </row>
    <row r="19" spans="2:15" x14ac:dyDescent="0.2">
      <c r="B19" s="40" t="s">
        <v>245</v>
      </c>
      <c r="C19" s="41">
        <v>1146281</v>
      </c>
      <c r="D19" s="40" t="s">
        <v>114</v>
      </c>
      <c r="E19" s="41">
        <v>510938608</v>
      </c>
      <c r="F19" s="40" t="s">
        <v>242</v>
      </c>
      <c r="G19" s="40" t="s">
        <v>80</v>
      </c>
      <c r="H19" s="43">
        <v>35089</v>
      </c>
      <c r="I19" s="43">
        <v>3384.65</v>
      </c>
      <c r="J19" s="43">
        <v>0</v>
      </c>
      <c r="K19" s="43">
        <v>1187.6400000000001</v>
      </c>
      <c r="L19" s="42">
        <v>8.2000000000000007E-3</v>
      </c>
      <c r="M19" s="42">
        <v>0.36270000000000002</v>
      </c>
      <c r="N19" s="42">
        <v>3.32E-2</v>
      </c>
      <c r="O19" s="40" t="s">
        <v>7</v>
      </c>
    </row>
    <row r="20" spans="2:15" x14ac:dyDescent="0.2">
      <c r="B20" s="1" t="s">
        <v>246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39">
        <v>0</v>
      </c>
      <c r="I20" s="1" t="s">
        <v>7</v>
      </c>
      <c r="J20" s="39">
        <v>0</v>
      </c>
      <c r="K20" s="39">
        <v>0</v>
      </c>
      <c r="L20" s="1" t="s">
        <v>7</v>
      </c>
      <c r="M20" s="38">
        <v>0</v>
      </c>
      <c r="N20" s="38">
        <v>0</v>
      </c>
      <c r="O20" s="1" t="s">
        <v>7</v>
      </c>
    </row>
    <row r="21" spans="2:15" x14ac:dyDescent="0.2">
      <c r="B21" s="1" t="s">
        <v>247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39">
        <v>0</v>
      </c>
      <c r="I21" s="1" t="s">
        <v>7</v>
      </c>
      <c r="J21" s="39">
        <v>0</v>
      </c>
      <c r="K21" s="39">
        <v>0</v>
      </c>
      <c r="L21" s="1" t="s">
        <v>7</v>
      </c>
      <c r="M21" s="38">
        <v>0</v>
      </c>
      <c r="N21" s="38">
        <v>0</v>
      </c>
      <c r="O21" s="1" t="s">
        <v>7</v>
      </c>
    </row>
    <row r="22" spans="2:15" x14ac:dyDescent="0.2">
      <c r="B22" s="1" t="s">
        <v>248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39">
        <v>0</v>
      </c>
      <c r="I22" s="1" t="s">
        <v>7</v>
      </c>
      <c r="J22" s="39">
        <v>0</v>
      </c>
      <c r="K22" s="39">
        <v>0</v>
      </c>
      <c r="L22" s="1" t="s">
        <v>7</v>
      </c>
      <c r="M22" s="38">
        <v>0</v>
      </c>
      <c r="N22" s="38">
        <v>0</v>
      </c>
      <c r="O22" s="1" t="s">
        <v>7</v>
      </c>
    </row>
    <row r="23" spans="2:15" x14ac:dyDescent="0.2">
      <c r="B23" s="1" t="s">
        <v>89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39">
        <v>0</v>
      </c>
      <c r="I23" s="1" t="s">
        <v>7</v>
      </c>
      <c r="J23" s="39">
        <v>0</v>
      </c>
      <c r="K23" s="39">
        <v>0</v>
      </c>
      <c r="L23" s="1" t="s">
        <v>7</v>
      </c>
      <c r="M23" s="38">
        <v>0</v>
      </c>
      <c r="N23" s="38">
        <v>0</v>
      </c>
      <c r="O23" s="1" t="s">
        <v>7</v>
      </c>
    </row>
    <row r="24" spans="2:15" x14ac:dyDescent="0.2">
      <c r="B24" s="1" t="s">
        <v>249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39">
        <v>0</v>
      </c>
      <c r="I24" s="1" t="s">
        <v>7</v>
      </c>
      <c r="J24" s="39">
        <v>0</v>
      </c>
      <c r="K24" s="39">
        <v>0</v>
      </c>
      <c r="L24" s="1" t="s">
        <v>7</v>
      </c>
      <c r="M24" s="38">
        <v>0</v>
      </c>
      <c r="N24" s="38">
        <v>0</v>
      </c>
      <c r="O24" s="1" t="s">
        <v>7</v>
      </c>
    </row>
    <row r="25" spans="2:15" x14ac:dyDescent="0.2">
      <c r="B25" s="1" t="s">
        <v>250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39">
        <v>0</v>
      </c>
      <c r="I25" s="1" t="s">
        <v>7</v>
      </c>
      <c r="J25" s="39">
        <v>0</v>
      </c>
      <c r="K25" s="39">
        <v>0</v>
      </c>
      <c r="L25" s="1" t="s">
        <v>7</v>
      </c>
      <c r="M25" s="38">
        <v>0</v>
      </c>
      <c r="N25" s="38">
        <v>0</v>
      </c>
      <c r="O25" s="1" t="s">
        <v>7</v>
      </c>
    </row>
    <row r="26" spans="2:15" x14ac:dyDescent="0.2">
      <c r="B26" s="1" t="s">
        <v>251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39">
        <v>0</v>
      </c>
      <c r="I26" s="1" t="s">
        <v>7</v>
      </c>
      <c r="J26" s="39">
        <v>0</v>
      </c>
      <c r="K26" s="39">
        <v>0</v>
      </c>
      <c r="L26" s="1" t="s">
        <v>7</v>
      </c>
      <c r="M26" s="38">
        <v>0</v>
      </c>
      <c r="N26" s="38">
        <v>0</v>
      </c>
      <c r="O26" s="1" t="s">
        <v>7</v>
      </c>
    </row>
    <row r="27" spans="2:15" x14ac:dyDescent="0.2">
      <c r="B27" s="1" t="s">
        <v>248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39">
        <v>0</v>
      </c>
      <c r="I27" s="1" t="s">
        <v>7</v>
      </c>
      <c r="J27" s="39">
        <v>0</v>
      </c>
      <c r="K27" s="39">
        <v>0</v>
      </c>
      <c r="L27" s="1" t="s">
        <v>7</v>
      </c>
      <c r="M27" s="38">
        <v>0</v>
      </c>
      <c r="N27" s="38">
        <v>0</v>
      </c>
      <c r="O27" s="1" t="s">
        <v>7</v>
      </c>
    </row>
    <row r="28" spans="2:15" x14ac:dyDescent="0.2">
      <c r="B28" s="36" t="s">
        <v>91</v>
      </c>
    </row>
    <row r="29" spans="2:15" x14ac:dyDescent="0.2">
      <c r="B29" s="36" t="s">
        <v>130</v>
      </c>
    </row>
    <row r="30" spans="2:15" x14ac:dyDescent="0.2">
      <c r="B30" s="53" t="s">
        <v>53</v>
      </c>
      <c r="C30" s="47"/>
      <c r="D30" s="47"/>
      <c r="E30" s="47"/>
      <c r="F30" s="47"/>
      <c r="G30" s="47"/>
      <c r="H30" s="47"/>
      <c r="I30" s="47"/>
      <c r="J30" s="47"/>
      <c r="K30" s="47"/>
      <c r="L30" s="47"/>
      <c r="M30" s="47"/>
      <c r="N30" s="47"/>
      <c r="O30" s="47"/>
    </row>
  </sheetData>
  <mergeCells count="1">
    <mergeCell ref="B30:O30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5"/>
  <sheetViews>
    <sheetView rightToLeft="1" topLeftCell="A10" workbookViewId="0">
      <selection activeCell="G19" sqref="G19:H19"/>
    </sheetView>
  </sheetViews>
  <sheetFormatPr defaultRowHeight="14.25" x14ac:dyDescent="0.2"/>
  <cols>
    <col min="1" max="1" width="3" customWidth="1"/>
    <col min="2" max="2" width="35" customWidth="1"/>
    <col min="3" max="3" width="14" customWidth="1"/>
    <col min="4" max="4" width="11" customWidth="1"/>
    <col min="5" max="5" width="12" customWidth="1"/>
    <col min="6" max="6" width="14" customWidth="1"/>
    <col min="7" max="7" width="7" customWidth="1"/>
    <col min="8" max="8" width="9" customWidth="1"/>
    <col min="9" max="9" width="14" customWidth="1"/>
    <col min="10" max="10" width="10" customWidth="1"/>
    <col min="11" max="11" width="12" customWidth="1"/>
    <col min="12" max="12" width="10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147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3" t="s">
        <v>25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2:16" x14ac:dyDescent="0.2">
      <c r="B8" s="1" t="s">
        <v>55</v>
      </c>
      <c r="C8" s="1" t="s">
        <v>56</v>
      </c>
      <c r="D8" s="1" t="s">
        <v>94</v>
      </c>
      <c r="E8" s="1" t="s">
        <v>57</v>
      </c>
      <c r="F8" s="1" t="s">
        <v>133</v>
      </c>
      <c r="G8" s="1" t="s">
        <v>58</v>
      </c>
      <c r="H8" s="1" t="s">
        <v>59</v>
      </c>
      <c r="I8" s="1" t="s">
        <v>60</v>
      </c>
      <c r="J8" s="1" t="s">
        <v>97</v>
      </c>
      <c r="K8" s="1" t="s">
        <v>98</v>
      </c>
      <c r="L8" s="1" t="s">
        <v>63</v>
      </c>
      <c r="M8" s="1" t="s">
        <v>100</v>
      </c>
      <c r="N8" s="1" t="s">
        <v>64</v>
      </c>
      <c r="O8" s="1" t="s">
        <v>101</v>
      </c>
      <c r="P8" s="1" t="s">
        <v>7</v>
      </c>
    </row>
    <row r="9" spans="2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03</v>
      </c>
      <c r="K9" s="1" t="s">
        <v>104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2:16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105</v>
      </c>
      <c r="N10" s="1" t="s">
        <v>106</v>
      </c>
      <c r="O10" s="1" t="s">
        <v>107</v>
      </c>
      <c r="P10" s="1" t="s">
        <v>7</v>
      </c>
    </row>
    <row r="11" spans="2:16" x14ac:dyDescent="0.2">
      <c r="B11" s="1" t="s">
        <v>25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108.82</v>
      </c>
      <c r="K11" s="1" t="s">
        <v>7</v>
      </c>
      <c r="L11" s="39">
        <v>475.98</v>
      </c>
      <c r="M11" s="1" t="s">
        <v>7</v>
      </c>
      <c r="N11" s="38">
        <v>1</v>
      </c>
      <c r="O11" s="38">
        <v>1.3299999999999999E-2</v>
      </c>
      <c r="P11" s="1" t="s">
        <v>7</v>
      </c>
    </row>
    <row r="12" spans="2:16" x14ac:dyDescent="0.2">
      <c r="B12" s="1" t="s">
        <v>7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9">
        <v>0</v>
      </c>
      <c r="M12" s="1" t="s">
        <v>7</v>
      </c>
      <c r="N12" s="38">
        <v>0</v>
      </c>
      <c r="O12" s="38">
        <v>0</v>
      </c>
      <c r="P12" s="1" t="s">
        <v>7</v>
      </c>
    </row>
    <row r="13" spans="2:16" x14ac:dyDescent="0.2">
      <c r="B13" s="1" t="s">
        <v>25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9">
        <v>0</v>
      </c>
      <c r="M13" s="1" t="s">
        <v>7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25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9">
        <v>0</v>
      </c>
      <c r="M14" s="1" t="s">
        <v>7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227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9">
        <v>0</v>
      </c>
      <c r="M15" s="1" t="s">
        <v>7</v>
      </c>
      <c r="N15" s="38">
        <v>0</v>
      </c>
      <c r="O15" s="38">
        <v>0</v>
      </c>
      <c r="P15" s="1" t="s">
        <v>7</v>
      </c>
    </row>
    <row r="16" spans="2:16" x14ac:dyDescent="0.2">
      <c r="B16" s="1" t="s">
        <v>247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39">
        <v>0</v>
      </c>
      <c r="K16" s="1" t="s">
        <v>7</v>
      </c>
      <c r="L16" s="39">
        <v>0</v>
      </c>
      <c r="M16" s="1" t="s">
        <v>7</v>
      </c>
      <c r="N16" s="38">
        <v>0</v>
      </c>
      <c r="O16" s="38">
        <v>0</v>
      </c>
      <c r="P16" s="1" t="s">
        <v>7</v>
      </c>
    </row>
    <row r="17" spans="2:16" x14ac:dyDescent="0.2">
      <c r="B17" s="1" t="s">
        <v>89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108.82</v>
      </c>
      <c r="K17" s="1" t="s">
        <v>7</v>
      </c>
      <c r="L17" s="39">
        <v>475.98</v>
      </c>
      <c r="M17" s="1" t="s">
        <v>7</v>
      </c>
      <c r="N17" s="38">
        <v>1</v>
      </c>
      <c r="O17" s="38">
        <v>1.3299999999999999E-2</v>
      </c>
      <c r="P17" s="1" t="s">
        <v>7</v>
      </c>
    </row>
    <row r="18" spans="2:16" x14ac:dyDescent="0.2">
      <c r="B18" s="1" t="s">
        <v>254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108.82</v>
      </c>
      <c r="K18" s="1" t="s">
        <v>7</v>
      </c>
      <c r="L18" s="39">
        <v>475.98</v>
      </c>
      <c r="M18" s="1" t="s">
        <v>7</v>
      </c>
      <c r="N18" s="38">
        <v>1</v>
      </c>
      <c r="O18" s="38">
        <v>1.3299999999999999E-2</v>
      </c>
      <c r="P18" s="1" t="s">
        <v>7</v>
      </c>
    </row>
    <row r="19" spans="2:16" x14ac:dyDescent="0.2">
      <c r="B19" s="40" t="s">
        <v>256</v>
      </c>
      <c r="C19" s="40" t="s">
        <v>257</v>
      </c>
      <c r="D19" s="40" t="s">
        <v>148</v>
      </c>
      <c r="E19" s="41">
        <v>93164</v>
      </c>
      <c r="F19" s="40" t="s">
        <v>258</v>
      </c>
      <c r="G19" s="40" t="s">
        <v>380</v>
      </c>
      <c r="H19" s="40" t="s">
        <v>116</v>
      </c>
      <c r="I19" s="40" t="s">
        <v>49</v>
      </c>
      <c r="J19" s="43">
        <v>108.82</v>
      </c>
      <c r="K19" s="43">
        <v>140642.9</v>
      </c>
      <c r="L19" s="43">
        <v>475.98</v>
      </c>
      <c r="M19" s="42">
        <v>0</v>
      </c>
      <c r="N19" s="42">
        <v>1</v>
      </c>
      <c r="O19" s="42">
        <v>1.3299999999999999E-2</v>
      </c>
      <c r="P19" s="41">
        <v>62005372</v>
      </c>
    </row>
    <row r="20" spans="2:16" x14ac:dyDescent="0.2">
      <c r="B20" s="1" t="s">
        <v>255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39">
        <v>0</v>
      </c>
      <c r="K20" s="1" t="s">
        <v>7</v>
      </c>
      <c r="L20" s="39">
        <v>0</v>
      </c>
      <c r="M20" s="1" t="s">
        <v>7</v>
      </c>
      <c r="N20" s="38">
        <v>0</v>
      </c>
      <c r="O20" s="38">
        <v>0</v>
      </c>
      <c r="P20" s="1" t="s">
        <v>7</v>
      </c>
    </row>
    <row r="21" spans="2:16" x14ac:dyDescent="0.2">
      <c r="B21" s="1" t="s">
        <v>227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1" t="s">
        <v>7</v>
      </c>
      <c r="J21" s="39">
        <v>0</v>
      </c>
      <c r="K21" s="1" t="s">
        <v>7</v>
      </c>
      <c r="L21" s="39">
        <v>0</v>
      </c>
      <c r="M21" s="1" t="s">
        <v>7</v>
      </c>
      <c r="N21" s="38">
        <v>0</v>
      </c>
      <c r="O21" s="38">
        <v>0</v>
      </c>
      <c r="P21" s="1" t="s">
        <v>7</v>
      </c>
    </row>
    <row r="22" spans="2:16" x14ac:dyDescent="0.2">
      <c r="B22" s="1" t="s">
        <v>247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1" t="s">
        <v>7</v>
      </c>
      <c r="J22" s="39">
        <v>0</v>
      </c>
      <c r="K22" s="1" t="s">
        <v>7</v>
      </c>
      <c r="L22" s="39">
        <v>0</v>
      </c>
      <c r="M22" s="1" t="s">
        <v>7</v>
      </c>
      <c r="N22" s="38">
        <v>0</v>
      </c>
      <c r="O22" s="38">
        <v>0</v>
      </c>
      <c r="P22" s="1" t="s">
        <v>7</v>
      </c>
    </row>
    <row r="23" spans="2:16" x14ac:dyDescent="0.2">
      <c r="B23" s="36" t="s">
        <v>91</v>
      </c>
    </row>
    <row r="24" spans="2:16" x14ac:dyDescent="0.2">
      <c r="B24" s="36" t="s">
        <v>130</v>
      </c>
    </row>
    <row r="25" spans="2:16" x14ac:dyDescent="0.2">
      <c r="B25" s="54" t="s">
        <v>53</v>
      </c>
      <c r="C25" s="47"/>
      <c r="D25" s="47"/>
      <c r="E25" s="47"/>
      <c r="F25" s="47"/>
      <c r="G25" s="47"/>
      <c r="H25" s="47"/>
      <c r="I25" s="47"/>
      <c r="J25" s="47"/>
      <c r="K25" s="47"/>
      <c r="L25" s="47"/>
      <c r="M25" s="47"/>
      <c r="N25" s="47"/>
      <c r="O25" s="47"/>
      <c r="P25" s="47"/>
    </row>
  </sheetData>
  <mergeCells count="1">
    <mergeCell ref="B25:P25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8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8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147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9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25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55</v>
      </c>
      <c r="C8" s="1" t="s">
        <v>56</v>
      </c>
      <c r="D8" s="1" t="s">
        <v>94</v>
      </c>
      <c r="E8" s="1" t="s">
        <v>133</v>
      </c>
      <c r="F8" s="1" t="s">
        <v>60</v>
      </c>
      <c r="G8" s="1" t="s">
        <v>97</v>
      </c>
      <c r="H8" s="1" t="s">
        <v>98</v>
      </c>
      <c r="I8" s="1" t="s">
        <v>63</v>
      </c>
      <c r="J8" s="1" t="s">
        <v>100</v>
      </c>
      <c r="K8" s="1" t="s">
        <v>64</v>
      </c>
      <c r="L8" s="1" t="s">
        <v>101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3</v>
      </c>
      <c r="H9" s="1" t="s">
        <v>104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66</v>
      </c>
      <c r="F10" s="1" t="s">
        <v>67</v>
      </c>
      <c r="G10" s="1" t="s">
        <v>68</v>
      </c>
      <c r="H10" s="1" t="s">
        <v>69</v>
      </c>
      <c r="I10" s="1" t="s">
        <v>70</v>
      </c>
      <c r="J10" s="1" t="s">
        <v>71</v>
      </c>
      <c r="K10" s="1" t="s">
        <v>72</v>
      </c>
      <c r="L10" s="1" t="s">
        <v>73</v>
      </c>
      <c r="M10" s="1" t="s">
        <v>7</v>
      </c>
    </row>
    <row r="11" spans="2:13" x14ac:dyDescent="0.2">
      <c r="B11" s="1" t="s">
        <v>260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1" t="s">
        <v>7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261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1" t="s">
        <v>7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26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</row>
    <row r="14" spans="2:13" x14ac:dyDescent="0.2">
      <c r="B14" s="1" t="s">
        <v>142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9">
        <v>0</v>
      </c>
      <c r="J14" s="1" t="s">
        <v>7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263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1" t="s">
        <v>7</v>
      </c>
      <c r="L15" s="1" t="s">
        <v>7</v>
      </c>
      <c r="M15" s="1" t="s">
        <v>7</v>
      </c>
    </row>
    <row r="16" spans="2:13" x14ac:dyDescent="0.2">
      <c r="B16" s="36" t="s">
        <v>91</v>
      </c>
    </row>
    <row r="17" spans="2:13" x14ac:dyDescent="0.2">
      <c r="B17" s="36" t="s">
        <v>130</v>
      </c>
    </row>
    <row r="18" spans="2:13" x14ac:dyDescent="0.2">
      <c r="B18" s="55" t="s">
        <v>53</v>
      </c>
      <c r="C18" s="47"/>
      <c r="D18" s="47"/>
      <c r="E18" s="47"/>
      <c r="F18" s="47"/>
      <c r="G18" s="47"/>
      <c r="H18" s="47"/>
      <c r="I18" s="47"/>
      <c r="J18" s="47"/>
      <c r="K18" s="47"/>
      <c r="L18" s="47"/>
      <c r="M18" s="47"/>
    </row>
  </sheetData>
  <mergeCells count="1">
    <mergeCell ref="B18:M18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גליונות עבודה</vt:lpstr>
      </vt:variant>
      <vt:variant>
        <vt:i4>30</vt:i4>
      </vt:variant>
    </vt:vector>
  </HeadingPairs>
  <TitlesOfParts>
    <vt:vector size="30" baseType="lpstr">
      <vt:lpstr>סכום נכסי הקרן</vt:lpstr>
      <vt:lpstr>מזומנים</vt:lpstr>
      <vt:lpstr>תעודות התחייבות ממשלתיות</vt:lpstr>
      <vt:lpstr>תעודות חוב מסחריות</vt:lpstr>
      <vt:lpstr>אג"ח קונצרני</vt:lpstr>
      <vt:lpstr>מניות</vt:lpstr>
      <vt:lpstr>קרנות סל</vt:lpstr>
      <vt:lpstr>קרנות נאמנות</vt:lpstr>
      <vt:lpstr>כתבי אופציה</vt:lpstr>
      <vt:lpstr>אופציות</vt:lpstr>
      <vt:lpstr>חוזים עתידיים</vt:lpstr>
      <vt:lpstr>מוצרים מובנים</vt:lpstr>
      <vt:lpstr>לא סחיר- תעודות התחייבות ממשלתי</vt:lpstr>
      <vt:lpstr>לא סחיר - תעודות חוב מסחריות</vt:lpstr>
      <vt:lpstr>לא סחיר - אג"ח קונצרני</vt:lpstr>
      <vt:lpstr>לא סחיר - מניות</vt:lpstr>
      <vt:lpstr>לא סחיר - קרנות השקעה</vt:lpstr>
      <vt:lpstr>לא סחיר - כתבי אופציה</vt:lpstr>
      <vt:lpstr>לא סחיר - אופציות</vt:lpstr>
      <vt:lpstr>לא סחיר - חוזים עתידיים</vt:lpstr>
      <vt:lpstr>לא סחיר - מוצרים מובנים</vt:lpstr>
      <vt:lpstr>הלוואות</vt:lpstr>
      <vt:lpstr>פקדונות מעל 3 חודשים</vt:lpstr>
      <vt:lpstr>זכויות מקרקעין</vt:lpstr>
      <vt:lpstr>השקעה בחברות מוחזקות</vt:lpstr>
      <vt:lpstr>השקעות אחרות</vt:lpstr>
      <vt:lpstr>יתרת התחייבות להשקעה</vt:lpstr>
      <vt:lpstr>עלות מתואמת אג"ח קונצרני סחיר</vt:lpstr>
      <vt:lpstr>עלות מתואמת אג"ח קונצרני ל.סחיר</vt:lpstr>
      <vt:lpstr>עלות מתואמת מסגרות אשראי ללווים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Pinhas Abramov</cp:lastModifiedBy>
  <dcterms:created xsi:type="dcterms:W3CDTF">2022-01-22T22:09:34Z</dcterms:created>
  <dcterms:modified xsi:type="dcterms:W3CDTF">2022-02-09T11:56:00Z</dcterms:modified>
</cp:coreProperties>
</file>